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4" rupBuild="17329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i828723\Documents\1DX\New Community\Metadata\"/>
    </mc:Choice>
  </mc:AlternateContent>
  <bookViews>
    <workbookView xWindow="0" yWindow="0" windowWidth="24000" windowHeight="9435"/>
  </bookViews>
  <sheets>
    <sheet name="Community Tags" sheetId="1" r:id="rId1"/>
  </sheets>
  <definedNames>
    <definedName name="_xlnm._FilterDatabase" localSheetId="0" hidden="1">'Community Tags'!$A$67:$J$3043</definedName>
  </definedNames>
  <calcPr calcId="171027"/>
</workbook>
</file>

<file path=xl/calcChain.xml><?xml version="1.0" encoding="utf-8"?>
<calcChain xmlns="http://schemas.openxmlformats.org/spreadsheetml/2006/main">
  <c r="E2718" i="1" l="1"/>
  <c r="E2719" i="1"/>
  <c r="E2720" i="1"/>
  <c r="E2721" i="1"/>
  <c r="E2722" i="1"/>
  <c r="E2723" i="1"/>
  <c r="E2724" i="1"/>
  <c r="E2725" i="1"/>
  <c r="E2726" i="1"/>
  <c r="E2727" i="1"/>
  <c r="E2728" i="1"/>
  <c r="E2729" i="1"/>
  <c r="E2730" i="1"/>
  <c r="E2731" i="1"/>
  <c r="E2732" i="1"/>
  <c r="E2733" i="1"/>
  <c r="E2734" i="1"/>
  <c r="E2735" i="1"/>
  <c r="E2736" i="1"/>
  <c r="E2737" i="1"/>
  <c r="E2738" i="1"/>
  <c r="E2739" i="1"/>
  <c r="E2740" i="1"/>
  <c r="E2741" i="1"/>
  <c r="E2742" i="1"/>
  <c r="E2743" i="1"/>
  <c r="E2744" i="1"/>
  <c r="E2745" i="1"/>
  <c r="E2746" i="1"/>
  <c r="E2747" i="1"/>
  <c r="E2748" i="1"/>
  <c r="E2749" i="1"/>
  <c r="E2750" i="1"/>
  <c r="E2751" i="1"/>
  <c r="E2752" i="1"/>
  <c r="E2753" i="1"/>
  <c r="E2754" i="1"/>
  <c r="E2755" i="1"/>
  <c r="E2756" i="1"/>
  <c r="E2757" i="1"/>
  <c r="E2758" i="1"/>
  <c r="E2759" i="1"/>
  <c r="E2760" i="1"/>
  <c r="E2761" i="1"/>
  <c r="E2762" i="1"/>
  <c r="E2763" i="1"/>
  <c r="E2764" i="1"/>
  <c r="E2765" i="1"/>
  <c r="E2766" i="1"/>
  <c r="E2767" i="1"/>
  <c r="E2768" i="1"/>
  <c r="E2769" i="1"/>
  <c r="E2770" i="1"/>
  <c r="E2771" i="1"/>
  <c r="E2772" i="1"/>
  <c r="E2773" i="1"/>
  <c r="E2774" i="1"/>
  <c r="E2775" i="1"/>
  <c r="E2776" i="1"/>
  <c r="E2777" i="1"/>
  <c r="E2778" i="1"/>
  <c r="E2779" i="1"/>
  <c r="E2780" i="1"/>
  <c r="E2781" i="1"/>
  <c r="E2782" i="1"/>
  <c r="E2783" i="1"/>
  <c r="E2784" i="1"/>
  <c r="E2785" i="1"/>
  <c r="E2786" i="1"/>
  <c r="E2787" i="1"/>
  <c r="E2788" i="1"/>
  <c r="E2789" i="1"/>
  <c r="E2790" i="1"/>
  <c r="E2791" i="1"/>
  <c r="E2792" i="1"/>
  <c r="E2793" i="1"/>
  <c r="E2794" i="1"/>
  <c r="E2795" i="1"/>
  <c r="E2796" i="1"/>
  <c r="E2797" i="1"/>
  <c r="E2798" i="1"/>
  <c r="E2799" i="1"/>
  <c r="E2800" i="1"/>
  <c r="E2801" i="1"/>
  <c r="E2802" i="1"/>
  <c r="E2803" i="1"/>
  <c r="E2804" i="1"/>
  <c r="E2805" i="1"/>
  <c r="E2806" i="1"/>
  <c r="E2807" i="1"/>
  <c r="E2808" i="1"/>
  <c r="E2809" i="1"/>
  <c r="E2810" i="1"/>
  <c r="E2811" i="1"/>
  <c r="E2812" i="1"/>
  <c r="E2813" i="1"/>
  <c r="E2814" i="1"/>
  <c r="E2815" i="1"/>
  <c r="E2816" i="1"/>
  <c r="E2817" i="1"/>
  <c r="E2818" i="1"/>
  <c r="E2819" i="1"/>
  <c r="E2820" i="1"/>
  <c r="E2821" i="1"/>
  <c r="E2822" i="1"/>
  <c r="E2823" i="1"/>
  <c r="E2824" i="1"/>
  <c r="E2825" i="1"/>
  <c r="E2826" i="1"/>
  <c r="E2827" i="1"/>
  <c r="E2828" i="1"/>
  <c r="E2829" i="1"/>
  <c r="E2830" i="1"/>
  <c r="E2831" i="1"/>
  <c r="E2832" i="1"/>
  <c r="E2833" i="1"/>
  <c r="E2834" i="1"/>
  <c r="E2835" i="1"/>
  <c r="E2836" i="1"/>
  <c r="E2837" i="1"/>
  <c r="E2838" i="1"/>
  <c r="E2839" i="1"/>
  <c r="E2840" i="1"/>
  <c r="E2841" i="1"/>
  <c r="E2842" i="1"/>
  <c r="E2843" i="1"/>
  <c r="E2844" i="1"/>
  <c r="E2845" i="1"/>
  <c r="E2846" i="1"/>
  <c r="E2847" i="1"/>
  <c r="E2848" i="1"/>
  <c r="E2849" i="1"/>
  <c r="E2850" i="1"/>
  <c r="E2851" i="1"/>
  <c r="E2852" i="1"/>
  <c r="E2853" i="1"/>
  <c r="E2854" i="1"/>
  <c r="E2855" i="1"/>
  <c r="E2856" i="1"/>
  <c r="E2857" i="1"/>
  <c r="E2858" i="1"/>
  <c r="E2859" i="1"/>
  <c r="E2860" i="1"/>
  <c r="E2861" i="1"/>
  <c r="E2862" i="1"/>
  <c r="E2863" i="1"/>
  <c r="E2864" i="1"/>
  <c r="E2865" i="1"/>
  <c r="E2866" i="1"/>
  <c r="E2867" i="1"/>
  <c r="E2868" i="1"/>
  <c r="E2869" i="1"/>
  <c r="E2870" i="1"/>
  <c r="E2871" i="1"/>
  <c r="E2872" i="1"/>
  <c r="E2873" i="1"/>
  <c r="E2874" i="1"/>
  <c r="E2875" i="1"/>
  <c r="E2876" i="1"/>
  <c r="E2877" i="1"/>
  <c r="E2878" i="1"/>
  <c r="E2879" i="1"/>
  <c r="E2880" i="1"/>
  <c r="E2881" i="1"/>
  <c r="E2882" i="1"/>
  <c r="E2883" i="1"/>
  <c r="E2884" i="1"/>
  <c r="E2885" i="1"/>
  <c r="E2886" i="1"/>
  <c r="E2887" i="1"/>
  <c r="E2888" i="1"/>
  <c r="E2889" i="1"/>
  <c r="E2890" i="1"/>
  <c r="E2891" i="1"/>
  <c r="E2892" i="1"/>
  <c r="E2893" i="1"/>
  <c r="E2894" i="1"/>
  <c r="E2895" i="1"/>
  <c r="E2896" i="1"/>
  <c r="E2897" i="1"/>
  <c r="E2898" i="1"/>
  <c r="E2899" i="1"/>
  <c r="E2900" i="1"/>
  <c r="E2901" i="1"/>
  <c r="E2902" i="1"/>
  <c r="E2903" i="1"/>
  <c r="E2904" i="1"/>
  <c r="E2905" i="1"/>
  <c r="E2906" i="1"/>
  <c r="E2907" i="1"/>
  <c r="E2908" i="1"/>
  <c r="E2909" i="1"/>
  <c r="E2910" i="1"/>
  <c r="E2911" i="1"/>
  <c r="E2912" i="1"/>
  <c r="E2913" i="1"/>
  <c r="E2914" i="1"/>
  <c r="E2915" i="1"/>
  <c r="E2916" i="1"/>
  <c r="E2917" i="1"/>
  <c r="E2918" i="1"/>
  <c r="E2919" i="1"/>
  <c r="E2920" i="1"/>
  <c r="E2921" i="1"/>
  <c r="E2922" i="1"/>
  <c r="E2923" i="1"/>
  <c r="E2924" i="1"/>
  <c r="E2925" i="1"/>
  <c r="E2926" i="1"/>
  <c r="E2927" i="1"/>
  <c r="E2928" i="1"/>
  <c r="E2929" i="1"/>
  <c r="E2930" i="1"/>
  <c r="E2931" i="1"/>
  <c r="E2932" i="1"/>
  <c r="E2933" i="1"/>
  <c r="E2934" i="1"/>
  <c r="E2935" i="1"/>
  <c r="E2936" i="1"/>
  <c r="E2937" i="1"/>
  <c r="E2938" i="1"/>
  <c r="E2939" i="1"/>
  <c r="E2940" i="1"/>
  <c r="E2941" i="1"/>
  <c r="E2942" i="1"/>
  <c r="E2943" i="1"/>
  <c r="E2944" i="1"/>
  <c r="E2945" i="1"/>
  <c r="E2946" i="1"/>
  <c r="E2947" i="1"/>
  <c r="E2948" i="1"/>
  <c r="E2949" i="1"/>
  <c r="E2950" i="1"/>
  <c r="E2951" i="1"/>
  <c r="E2952" i="1"/>
  <c r="E2953" i="1"/>
  <c r="E2954" i="1"/>
  <c r="E2955" i="1"/>
  <c r="E2956" i="1"/>
  <c r="E2957" i="1"/>
  <c r="E2958" i="1"/>
  <c r="E2959" i="1"/>
  <c r="E2960" i="1"/>
  <c r="E2961" i="1"/>
  <c r="E2962" i="1"/>
  <c r="E2963" i="1"/>
  <c r="E2964" i="1"/>
  <c r="E2965" i="1"/>
  <c r="E2966" i="1"/>
  <c r="E2967" i="1"/>
  <c r="E2968" i="1"/>
  <c r="E2969" i="1"/>
  <c r="E2970" i="1"/>
  <c r="E2971" i="1"/>
  <c r="E2972" i="1"/>
  <c r="E2973" i="1"/>
  <c r="E2974" i="1"/>
  <c r="E2975" i="1"/>
  <c r="E2976" i="1"/>
  <c r="E2977" i="1"/>
  <c r="E2978" i="1"/>
  <c r="E2979" i="1"/>
  <c r="E2980" i="1"/>
  <c r="E2981" i="1"/>
  <c r="E2702" i="1"/>
  <c r="E2459" i="1"/>
  <c r="E1549" i="1"/>
  <c r="E1190" i="1"/>
  <c r="E1012" i="1"/>
  <c r="E179" i="1"/>
  <c r="E2377" i="1"/>
  <c r="E2715" i="1" l="1"/>
  <c r="E2713" i="1"/>
  <c r="E2711" i="1"/>
  <c r="E2709" i="1"/>
  <c r="E2707" i="1"/>
  <c r="E2705" i="1"/>
  <c r="E2704" i="1"/>
  <c r="E2703" i="1"/>
  <c r="E2701" i="1"/>
  <c r="E2699" i="1"/>
  <c r="E2697" i="1"/>
  <c r="E2696" i="1"/>
  <c r="E2694" i="1"/>
  <c r="E2693" i="1"/>
  <c r="E2691" i="1"/>
  <c r="E2689" i="1"/>
  <c r="E2688" i="1"/>
  <c r="E2687" i="1"/>
  <c r="E2686" i="1"/>
  <c r="E2685" i="1"/>
  <c r="E2683" i="1"/>
  <c r="E2681" i="1"/>
  <c r="E2679" i="1"/>
  <c r="E2678" i="1"/>
  <c r="E2677" i="1"/>
  <c r="E2676" i="1"/>
  <c r="E2675" i="1"/>
  <c r="E2674" i="1"/>
  <c r="E2673" i="1"/>
  <c r="E2672" i="1"/>
  <c r="E2671" i="1"/>
  <c r="E2670" i="1"/>
  <c r="E2669" i="1"/>
  <c r="E2667" i="1"/>
  <c r="E2666" i="1"/>
  <c r="E2664" i="1"/>
  <c r="E2663" i="1"/>
  <c r="E2662" i="1"/>
  <c r="E2661" i="1"/>
  <c r="E2660" i="1"/>
  <c r="E2659" i="1"/>
  <c r="E2658" i="1"/>
  <c r="E2657" i="1"/>
  <c r="E2656" i="1"/>
  <c r="E2655" i="1"/>
  <c r="E2654" i="1"/>
  <c r="E2653" i="1"/>
  <c r="E2652" i="1"/>
  <c r="E2651" i="1"/>
  <c r="E2650" i="1"/>
  <c r="E2649" i="1"/>
  <c r="E2648" i="1"/>
  <c r="E2647" i="1"/>
  <c r="E2646" i="1"/>
  <c r="E2645" i="1"/>
  <c r="E2644" i="1"/>
  <c r="E2643" i="1"/>
  <c r="E2642" i="1"/>
  <c r="E2641" i="1"/>
  <c r="E2640" i="1"/>
  <c r="E2639" i="1"/>
  <c r="E2638" i="1"/>
  <c r="E2637" i="1"/>
  <c r="E2635" i="1"/>
  <c r="E2633" i="1"/>
  <c r="E2631" i="1"/>
  <c r="E2629" i="1"/>
  <c r="E2628" i="1"/>
  <c r="E2626" i="1"/>
  <c r="E2625" i="1"/>
  <c r="E2624" i="1"/>
  <c r="E2622" i="1"/>
  <c r="E2620" i="1"/>
  <c r="E2618" i="1"/>
  <c r="E2616" i="1"/>
  <c r="E2615" i="1"/>
  <c r="E2614" i="1"/>
  <c r="E2613" i="1"/>
  <c r="E2612" i="1"/>
  <c r="E2611" i="1"/>
  <c r="E2610" i="1"/>
  <c r="E2609" i="1"/>
  <c r="E2608" i="1"/>
  <c r="E2607" i="1"/>
  <c r="E2606" i="1"/>
  <c r="E2605" i="1"/>
  <c r="E2604" i="1"/>
  <c r="E2603" i="1"/>
  <c r="E2602" i="1"/>
  <c r="E2601" i="1"/>
  <c r="E2600" i="1"/>
  <c r="E2599" i="1"/>
  <c r="E2598" i="1"/>
  <c r="E2597" i="1"/>
  <c r="E2596" i="1"/>
  <c r="E2595" i="1"/>
  <c r="E2594" i="1"/>
  <c r="E2593" i="1"/>
  <c r="E2592" i="1"/>
  <c r="E2591" i="1"/>
  <c r="E2590" i="1"/>
  <c r="E2589" i="1"/>
  <c r="E2588" i="1"/>
  <c r="E2587" i="1"/>
  <c r="E2586" i="1"/>
  <c r="E2585" i="1"/>
  <c r="E2584" i="1"/>
  <c r="E2583" i="1"/>
  <c r="E2582" i="1"/>
  <c r="E2581" i="1"/>
  <c r="E2580" i="1"/>
  <c r="E2579" i="1"/>
  <c r="E2578" i="1"/>
  <c r="E2577" i="1"/>
  <c r="E2576" i="1"/>
  <c r="E2575" i="1"/>
  <c r="E2574" i="1"/>
  <c r="E2573" i="1"/>
  <c r="E2572" i="1"/>
  <c r="E2571" i="1"/>
  <c r="E2570" i="1"/>
  <c r="E2569" i="1"/>
  <c r="E2568" i="1"/>
  <c r="E2567" i="1"/>
  <c r="E2566" i="1"/>
  <c r="E2565" i="1"/>
  <c r="E2564" i="1"/>
  <c r="E2563" i="1"/>
  <c r="E2562" i="1"/>
  <c r="E2560" i="1"/>
  <c r="E2559" i="1"/>
  <c r="E2558" i="1"/>
  <c r="E2556" i="1"/>
  <c r="E2555" i="1"/>
  <c r="E2554" i="1"/>
  <c r="E2553" i="1"/>
  <c r="E2552" i="1"/>
  <c r="E2551" i="1"/>
  <c r="E2550" i="1"/>
  <c r="E2549" i="1"/>
  <c r="E2548" i="1"/>
  <c r="E2546" i="1"/>
  <c r="E2544" i="1"/>
  <c r="E2542" i="1"/>
  <c r="E2540" i="1"/>
  <c r="E2539" i="1"/>
  <c r="E2537" i="1"/>
  <c r="E2536" i="1"/>
  <c r="E2534" i="1"/>
  <c r="E2532" i="1"/>
  <c r="E2530" i="1"/>
  <c r="E2528" i="1"/>
  <c r="E2526" i="1"/>
  <c r="E2524" i="1"/>
  <c r="E2522" i="1"/>
  <c r="E2521" i="1"/>
  <c r="E2519" i="1"/>
  <c r="E2517" i="1"/>
  <c r="E2516" i="1"/>
  <c r="E2514" i="1"/>
  <c r="E2512" i="1"/>
  <c r="E2511" i="1"/>
  <c r="E2510" i="1"/>
  <c r="E2509" i="1"/>
  <c r="E2508" i="1"/>
  <c r="E2507" i="1"/>
  <c r="E2506" i="1"/>
  <c r="E2505" i="1"/>
  <c r="E2504" i="1"/>
  <c r="E2503" i="1"/>
  <c r="E2502" i="1"/>
  <c r="E2501" i="1"/>
  <c r="E2500" i="1"/>
  <c r="E2499" i="1"/>
  <c r="E2498" i="1"/>
  <c r="E2497" i="1"/>
  <c r="E2496" i="1"/>
  <c r="E2495" i="1"/>
  <c r="E2494" i="1"/>
  <c r="E2493" i="1"/>
  <c r="E2492" i="1"/>
  <c r="E2491" i="1"/>
  <c r="E2490" i="1"/>
  <c r="E2489" i="1"/>
  <c r="E2488" i="1"/>
  <c r="E2487" i="1"/>
  <c r="E2486" i="1"/>
  <c r="E2485" i="1"/>
  <c r="E2484" i="1"/>
  <c r="E2483" i="1"/>
  <c r="E2482" i="1"/>
  <c r="E2481" i="1"/>
  <c r="E2479" i="1"/>
  <c r="E2478" i="1"/>
  <c r="E2477" i="1"/>
  <c r="E2476" i="1"/>
  <c r="E2475" i="1"/>
  <c r="E2474" i="1"/>
  <c r="E2473" i="1"/>
  <c r="E2472" i="1"/>
  <c r="E2471" i="1"/>
  <c r="E2470" i="1"/>
  <c r="E2469" i="1"/>
  <c r="E2468" i="1"/>
  <c r="E2467" i="1"/>
  <c r="E2466" i="1"/>
  <c r="E2465" i="1"/>
  <c r="E2464" i="1"/>
  <c r="E2463" i="1"/>
  <c r="E2462" i="1"/>
  <c r="E2461" i="1"/>
  <c r="E2460" i="1"/>
  <c r="E2458" i="1"/>
  <c r="E2456" i="1"/>
  <c r="E2454" i="1"/>
  <c r="E2452" i="1"/>
  <c r="E2450" i="1"/>
  <c r="E2448" i="1"/>
  <c r="E2447" i="1"/>
  <c r="E2446" i="1"/>
  <c r="E2445" i="1"/>
  <c r="E2444" i="1"/>
  <c r="E2443" i="1"/>
  <c r="E2442" i="1"/>
  <c r="E2441" i="1"/>
  <c r="E2440" i="1"/>
  <c r="E2439" i="1"/>
  <c r="E2438" i="1"/>
  <c r="E2437" i="1"/>
  <c r="E2436" i="1"/>
  <c r="E2435" i="1"/>
  <c r="E2434" i="1"/>
  <c r="E2433" i="1"/>
  <c r="E2432" i="1"/>
  <c r="E2431" i="1"/>
  <c r="E2430" i="1"/>
  <c r="E2429" i="1"/>
  <c r="E2428" i="1"/>
  <c r="E2427" i="1"/>
  <c r="E2426" i="1"/>
  <c r="E2425" i="1"/>
  <c r="E2424" i="1"/>
  <c r="E2423" i="1"/>
  <c r="E2422" i="1"/>
  <c r="E2421" i="1"/>
  <c r="E2420" i="1"/>
  <c r="E2419" i="1"/>
  <c r="E2418" i="1"/>
  <c r="E2417" i="1"/>
  <c r="E2416" i="1"/>
  <c r="E2415" i="1"/>
  <c r="E2414" i="1"/>
  <c r="E2413" i="1"/>
  <c r="E2412" i="1"/>
  <c r="E2411" i="1"/>
  <c r="E2410" i="1"/>
  <c r="E2409" i="1"/>
  <c r="E2408" i="1"/>
  <c r="E2407" i="1"/>
  <c r="E2406" i="1"/>
  <c r="E2405" i="1"/>
  <c r="E2404" i="1"/>
  <c r="E2403" i="1"/>
  <c r="E2402" i="1"/>
  <c r="E2401" i="1"/>
  <c r="E2400" i="1"/>
  <c r="E2399" i="1"/>
  <c r="E2398" i="1"/>
  <c r="E2397" i="1"/>
  <c r="E2396" i="1"/>
  <c r="E2395" i="1"/>
  <c r="E2394" i="1"/>
  <c r="E2393" i="1"/>
  <c r="E2392" i="1"/>
  <c r="E2391" i="1"/>
  <c r="E2390" i="1"/>
  <c r="E2389" i="1"/>
  <c r="E2388" i="1"/>
  <c r="E2387" i="1"/>
  <c r="E2386" i="1"/>
  <c r="E2385" i="1"/>
  <c r="E2384" i="1"/>
  <c r="E2383" i="1"/>
  <c r="E2382" i="1"/>
  <c r="E2381" i="1"/>
  <c r="E2380" i="1"/>
  <c r="E2379" i="1"/>
  <c r="E2378" i="1"/>
  <c r="E2376" i="1"/>
  <c r="E2375" i="1"/>
  <c r="E2373" i="1"/>
  <c r="E2371" i="1"/>
  <c r="E2369" i="1"/>
  <c r="E2367" i="1"/>
  <c r="E2365" i="1"/>
  <c r="E2363" i="1"/>
  <c r="E2361" i="1"/>
  <c r="E2360" i="1"/>
  <c r="E2359" i="1"/>
  <c r="E2358" i="1"/>
  <c r="E2357" i="1"/>
  <c r="E2356" i="1"/>
  <c r="E2355" i="1"/>
  <c r="E2354" i="1"/>
  <c r="E2353" i="1"/>
  <c r="E2352" i="1"/>
  <c r="E2351" i="1"/>
  <c r="E2350" i="1"/>
  <c r="E2349" i="1"/>
  <c r="E2348" i="1"/>
  <c r="E2347" i="1"/>
  <c r="E2346" i="1"/>
  <c r="E2345" i="1"/>
  <c r="E2343" i="1"/>
  <c r="E2341" i="1"/>
  <c r="E2339" i="1"/>
  <c r="E2337" i="1"/>
  <c r="E2335" i="1"/>
  <c r="E2333" i="1"/>
  <c r="E2332" i="1"/>
  <c r="E2330" i="1"/>
  <c r="E2329" i="1"/>
  <c r="E2328" i="1"/>
  <c r="E2326" i="1"/>
  <c r="E2324" i="1"/>
  <c r="E2323" i="1"/>
  <c r="E2321" i="1"/>
  <c r="E2319" i="1"/>
  <c r="E2318" i="1"/>
  <c r="E2317" i="1"/>
  <c r="E2315" i="1"/>
  <c r="E2313" i="1"/>
  <c r="E2312" i="1"/>
  <c r="E2310" i="1"/>
  <c r="E2308" i="1"/>
  <c r="E2306" i="1"/>
  <c r="E2304" i="1"/>
  <c r="E2302" i="1"/>
  <c r="E2300" i="1"/>
  <c r="E2298" i="1"/>
  <c r="E2296" i="1"/>
  <c r="E2294" i="1"/>
  <c r="E2292" i="1"/>
  <c r="E2291" i="1"/>
  <c r="E2290" i="1"/>
  <c r="E2289" i="1"/>
  <c r="E2287" i="1"/>
  <c r="E2285" i="1"/>
  <c r="E2283" i="1"/>
  <c r="E2281" i="1"/>
  <c r="E2279" i="1"/>
  <c r="E2278" i="1"/>
  <c r="E2276" i="1"/>
  <c r="E2274" i="1"/>
  <c r="E2272" i="1"/>
  <c r="E2270" i="1"/>
  <c r="E2268" i="1"/>
  <c r="E2266" i="1"/>
  <c r="E2264" i="1"/>
  <c r="E2263" i="1"/>
  <c r="E2262" i="1"/>
  <c r="E2261" i="1"/>
  <c r="E2259" i="1"/>
  <c r="E2258" i="1"/>
  <c r="E2256" i="1"/>
  <c r="E2255" i="1"/>
  <c r="E2253" i="1"/>
  <c r="E2252" i="1"/>
  <c r="E2250" i="1"/>
  <c r="E2248" i="1"/>
  <c r="E2246" i="1"/>
  <c r="E2245" i="1"/>
  <c r="E2244" i="1"/>
  <c r="E2243" i="1"/>
  <c r="E2242" i="1"/>
  <c r="E2241" i="1"/>
  <c r="E2239" i="1"/>
  <c r="E2237" i="1"/>
  <c r="E2235" i="1"/>
  <c r="E2234" i="1"/>
  <c r="E2233" i="1"/>
  <c r="E2232" i="1"/>
  <c r="E2230" i="1"/>
  <c r="E2228" i="1"/>
  <c r="E2227" i="1"/>
  <c r="E2225" i="1"/>
  <c r="E2224" i="1"/>
  <c r="E2223" i="1"/>
  <c r="E2221" i="1"/>
  <c r="E2220" i="1"/>
  <c r="E2219" i="1"/>
  <c r="E2218" i="1"/>
  <c r="E2217" i="1"/>
  <c r="E2215" i="1"/>
  <c r="E2213" i="1"/>
  <c r="E2212" i="1"/>
  <c r="E2210" i="1"/>
  <c r="E2209" i="1"/>
  <c r="E2208" i="1"/>
  <c r="E2207" i="1"/>
  <c r="E2206" i="1"/>
  <c r="E2205" i="1"/>
  <c r="E2204" i="1"/>
  <c r="E2202" i="1"/>
  <c r="E2200" i="1"/>
  <c r="E2199" i="1"/>
  <c r="E2197" i="1"/>
  <c r="E2196" i="1"/>
  <c r="E2194" i="1"/>
  <c r="E2192" i="1"/>
  <c r="E2190" i="1"/>
  <c r="E2189" i="1"/>
  <c r="E2188" i="1"/>
  <c r="E2187" i="1"/>
  <c r="E2185" i="1"/>
  <c r="E2183" i="1"/>
  <c r="E2181" i="1"/>
  <c r="E2179" i="1"/>
  <c r="E2178" i="1"/>
  <c r="E2177" i="1"/>
  <c r="E2175" i="1"/>
  <c r="E2173" i="1"/>
  <c r="E2172" i="1"/>
  <c r="E2171" i="1"/>
  <c r="E2169" i="1"/>
  <c r="E2167" i="1"/>
  <c r="E2165" i="1"/>
  <c r="E2164" i="1"/>
  <c r="E2163" i="1"/>
  <c r="E2161" i="1"/>
  <c r="E2160" i="1"/>
  <c r="E2158" i="1"/>
  <c r="E2156" i="1"/>
  <c r="E2154" i="1"/>
  <c r="E2152" i="1"/>
  <c r="E2150" i="1"/>
  <c r="E2148" i="1"/>
  <c r="E2146" i="1"/>
  <c r="E2145" i="1"/>
  <c r="E2144" i="1"/>
  <c r="E2143" i="1"/>
  <c r="E2142" i="1"/>
  <c r="E2140" i="1"/>
  <c r="E2138" i="1"/>
  <c r="E2136" i="1"/>
  <c r="E2134" i="1"/>
  <c r="E2132" i="1"/>
  <c r="E2130" i="1"/>
  <c r="E2128" i="1"/>
  <c r="E2126" i="1"/>
  <c r="E2125" i="1"/>
  <c r="E2123" i="1"/>
  <c r="E2122" i="1"/>
  <c r="E2120" i="1"/>
  <c r="E2119" i="1"/>
  <c r="E2118" i="1"/>
  <c r="E2117" i="1"/>
  <c r="E2116" i="1"/>
  <c r="E2115" i="1"/>
  <c r="E2114" i="1"/>
  <c r="E2113" i="1"/>
  <c r="E2112" i="1"/>
  <c r="E2111" i="1"/>
  <c r="E2109" i="1"/>
  <c r="E2107" i="1"/>
  <c r="E2105" i="1"/>
  <c r="E2104" i="1"/>
  <c r="E2103" i="1"/>
  <c r="E2101" i="1"/>
  <c r="E2100" i="1"/>
  <c r="E2099" i="1"/>
  <c r="E2098" i="1"/>
  <c r="E2097" i="1"/>
  <c r="E2095" i="1"/>
  <c r="E2093" i="1"/>
  <c r="E2091" i="1"/>
  <c r="E2090" i="1"/>
  <c r="E2089" i="1"/>
  <c r="E2088" i="1"/>
  <c r="E2086" i="1"/>
  <c r="E2084" i="1"/>
  <c r="E2082" i="1"/>
  <c r="E2080" i="1"/>
  <c r="E2078" i="1"/>
  <c r="E2077" i="1"/>
  <c r="E2076" i="1"/>
  <c r="E2075" i="1"/>
  <c r="E2074" i="1"/>
  <c r="E2073" i="1"/>
  <c r="E2072" i="1"/>
  <c r="E2071" i="1"/>
  <c r="E2070" i="1"/>
  <c r="E2069" i="1"/>
  <c r="E2068" i="1"/>
  <c r="E2067" i="1"/>
  <c r="E2066" i="1"/>
  <c r="E2065" i="1"/>
  <c r="E2064" i="1"/>
  <c r="E2063" i="1"/>
  <c r="E2062" i="1"/>
  <c r="E2061" i="1"/>
  <c r="E2059" i="1"/>
  <c r="E2057" i="1"/>
  <c r="E2055" i="1"/>
  <c r="E2053" i="1"/>
  <c r="E2052" i="1"/>
  <c r="E2051" i="1"/>
  <c r="E2050" i="1"/>
  <c r="E2048" i="1"/>
  <c r="E2046" i="1"/>
  <c r="E2044" i="1"/>
  <c r="E2042" i="1"/>
  <c r="E2040" i="1"/>
  <c r="E2038" i="1"/>
  <c r="E2036" i="1"/>
  <c r="E2035" i="1"/>
  <c r="E2033" i="1"/>
  <c r="E2031" i="1"/>
  <c r="E2029" i="1"/>
  <c r="E2027" i="1"/>
  <c r="E2025" i="1"/>
  <c r="E2024" i="1"/>
  <c r="E2023" i="1"/>
  <c r="E2021" i="1"/>
  <c r="E2020" i="1"/>
  <c r="E2019" i="1"/>
  <c r="E2017" i="1"/>
  <c r="E2016" i="1"/>
  <c r="E2015" i="1"/>
  <c r="E2014" i="1"/>
  <c r="E2013" i="1"/>
  <c r="E2012" i="1"/>
  <c r="E2011" i="1"/>
  <c r="E2010" i="1"/>
  <c r="E2009" i="1"/>
  <c r="E2008" i="1"/>
  <c r="E2007" i="1"/>
  <c r="E2006" i="1"/>
  <c r="E2005" i="1"/>
  <c r="E2004" i="1"/>
  <c r="E2003" i="1"/>
  <c r="E2002" i="1"/>
  <c r="E2000" i="1"/>
  <c r="E1998" i="1"/>
  <c r="E1997" i="1"/>
  <c r="E1996" i="1"/>
  <c r="E1995" i="1"/>
  <c r="E1994" i="1"/>
  <c r="E1992" i="1"/>
  <c r="E1990" i="1"/>
  <c r="E1988" i="1"/>
  <c r="E1986" i="1"/>
  <c r="E1984" i="1"/>
  <c r="E1982" i="1"/>
  <c r="E1980" i="1"/>
  <c r="E1978" i="1"/>
  <c r="E1977" i="1"/>
  <c r="E1976" i="1"/>
  <c r="E1975" i="1"/>
  <c r="E1974" i="1"/>
  <c r="E1973" i="1"/>
  <c r="E1972" i="1"/>
  <c r="E1971" i="1"/>
  <c r="E1970" i="1"/>
  <c r="E1968" i="1"/>
  <c r="E1966" i="1"/>
  <c r="E1964" i="1"/>
  <c r="E1962" i="1"/>
  <c r="E1960" i="1"/>
  <c r="E1958" i="1"/>
  <c r="E1957" i="1"/>
  <c r="E1955" i="1"/>
  <c r="E1954" i="1"/>
  <c r="E1952" i="1"/>
  <c r="E1950" i="1"/>
  <c r="E1949" i="1"/>
  <c r="E1948" i="1"/>
  <c r="E1946" i="1"/>
  <c r="E1944" i="1"/>
  <c r="E1942" i="1"/>
  <c r="E1941" i="1"/>
  <c r="E1940" i="1"/>
  <c r="E1939" i="1"/>
  <c r="E1938" i="1"/>
  <c r="E1937" i="1"/>
  <c r="E1936" i="1"/>
  <c r="E1935" i="1"/>
  <c r="E1934" i="1"/>
  <c r="E1933" i="1"/>
  <c r="E1932" i="1"/>
  <c r="E1931" i="1"/>
  <c r="E1930" i="1"/>
  <c r="E1928" i="1"/>
  <c r="E1926" i="1"/>
  <c r="E1924" i="1"/>
  <c r="E1923" i="1"/>
  <c r="E1922" i="1"/>
  <c r="E1920" i="1"/>
  <c r="E1918" i="1"/>
  <c r="E1917" i="1"/>
  <c r="E1916" i="1"/>
  <c r="E1915" i="1"/>
  <c r="E1914" i="1"/>
  <c r="E1913" i="1"/>
  <c r="E1912" i="1"/>
  <c r="E1911" i="1"/>
  <c r="E1910" i="1"/>
  <c r="E1909" i="1"/>
  <c r="E1908" i="1"/>
  <c r="E1907" i="1"/>
  <c r="E1906" i="1"/>
  <c r="E1905" i="1"/>
  <c r="E1904" i="1"/>
  <c r="E1903" i="1"/>
  <c r="E1902" i="1"/>
  <c r="E1901" i="1"/>
  <c r="E1900" i="1"/>
  <c r="E1899" i="1"/>
  <c r="E1898" i="1"/>
  <c r="E1897" i="1"/>
  <c r="E1896" i="1"/>
  <c r="E1895" i="1"/>
  <c r="E1894" i="1"/>
  <c r="E1892" i="1"/>
  <c r="E1890" i="1"/>
  <c r="E1888" i="1"/>
  <c r="E1886" i="1"/>
  <c r="E1884" i="1"/>
  <c r="E1882" i="1"/>
  <c r="E1881" i="1"/>
  <c r="E1880" i="1"/>
  <c r="E1878" i="1"/>
  <c r="E1876" i="1"/>
  <c r="E1875" i="1"/>
  <c r="E1873" i="1"/>
  <c r="E1871" i="1"/>
  <c r="E1869" i="1"/>
  <c r="E1868" i="1"/>
  <c r="E1867" i="1"/>
  <c r="E1865" i="1"/>
  <c r="E1864" i="1"/>
  <c r="E1862" i="1"/>
  <c r="E1861" i="1"/>
  <c r="E1859" i="1"/>
  <c r="E1858" i="1"/>
  <c r="E1856" i="1"/>
  <c r="E1854" i="1"/>
  <c r="E1852" i="1"/>
  <c r="E1851" i="1"/>
  <c r="E1849" i="1"/>
  <c r="E1847" i="1"/>
  <c r="E1846" i="1"/>
  <c r="E1845" i="1"/>
  <c r="E1843" i="1"/>
  <c r="E1841" i="1"/>
  <c r="E1839" i="1"/>
  <c r="E1837" i="1"/>
  <c r="E1836" i="1"/>
  <c r="E1835" i="1"/>
  <c r="E1834" i="1"/>
  <c r="E1833" i="1"/>
  <c r="E1832" i="1"/>
  <c r="E1831" i="1"/>
  <c r="E1830" i="1"/>
  <c r="E1828" i="1"/>
  <c r="E1826" i="1"/>
  <c r="E1824" i="1"/>
  <c r="E1822" i="1"/>
  <c r="E1820" i="1"/>
  <c r="E1818" i="1"/>
  <c r="E1816" i="1"/>
  <c r="E1815" i="1"/>
  <c r="E1813" i="1"/>
  <c r="E1811" i="1"/>
  <c r="E1809" i="1"/>
  <c r="E1807" i="1"/>
  <c r="E1805" i="1"/>
  <c r="E1804" i="1"/>
  <c r="E1802" i="1"/>
  <c r="E1800" i="1"/>
  <c r="E1799" i="1"/>
  <c r="E1797" i="1"/>
  <c r="E1796" i="1"/>
  <c r="E1794" i="1"/>
  <c r="E1792" i="1"/>
  <c r="E1791" i="1"/>
  <c r="E1789" i="1"/>
  <c r="E1787" i="1"/>
  <c r="E1786" i="1"/>
  <c r="E1784" i="1"/>
  <c r="E1782" i="1"/>
  <c r="E1781" i="1"/>
  <c r="E1780" i="1"/>
  <c r="E1778" i="1"/>
  <c r="E1777" i="1"/>
  <c r="E1775" i="1"/>
  <c r="E1773" i="1"/>
  <c r="E1771" i="1"/>
  <c r="E1769" i="1"/>
  <c r="E1767" i="1"/>
  <c r="E1765" i="1"/>
  <c r="E1763" i="1"/>
  <c r="E1761" i="1"/>
  <c r="E1760" i="1"/>
  <c r="E1758" i="1"/>
  <c r="E1757" i="1"/>
  <c r="E1756" i="1"/>
  <c r="E1754" i="1"/>
  <c r="E1752" i="1"/>
  <c r="E1751" i="1"/>
  <c r="E1749" i="1"/>
  <c r="E1748" i="1"/>
  <c r="E1746" i="1"/>
  <c r="E1744" i="1"/>
  <c r="E1742" i="1"/>
  <c r="E1740" i="1"/>
  <c r="E1739" i="1"/>
  <c r="E1738" i="1"/>
  <c r="E1737" i="1"/>
  <c r="E1736" i="1"/>
  <c r="E1735" i="1"/>
  <c r="E1734" i="1"/>
  <c r="E1733" i="1"/>
  <c r="E1731" i="1"/>
  <c r="E1729" i="1"/>
  <c r="E1727" i="1"/>
  <c r="E1725" i="1"/>
  <c r="E1723" i="1"/>
  <c r="E1721" i="1"/>
  <c r="E1719" i="1"/>
  <c r="E1717" i="1"/>
  <c r="E1716" i="1"/>
  <c r="E1715" i="1"/>
  <c r="E1713" i="1"/>
  <c r="E1711" i="1"/>
  <c r="E1710" i="1"/>
  <c r="E1709" i="1"/>
  <c r="E1708" i="1"/>
  <c r="E1706" i="1"/>
  <c r="E1705" i="1"/>
  <c r="E1703" i="1"/>
  <c r="E1702" i="1"/>
  <c r="E1701" i="1"/>
  <c r="E1700" i="1"/>
  <c r="E1699" i="1"/>
  <c r="E1697" i="1"/>
  <c r="E1696" i="1"/>
  <c r="E1695" i="1"/>
  <c r="E1694" i="1"/>
  <c r="E1693" i="1"/>
  <c r="E1692" i="1"/>
  <c r="E1691" i="1"/>
  <c r="E1690" i="1"/>
  <c r="E1689" i="1"/>
  <c r="E1688" i="1"/>
  <c r="E1687" i="1"/>
  <c r="E1686" i="1"/>
  <c r="E1685" i="1"/>
  <c r="E1684" i="1"/>
  <c r="E1683" i="1"/>
  <c r="E1682" i="1"/>
  <c r="E1681" i="1"/>
  <c r="E1680" i="1"/>
  <c r="E1679" i="1"/>
  <c r="E1678" i="1"/>
  <c r="E1677" i="1"/>
  <c r="E1676" i="1"/>
  <c r="E1675" i="1"/>
  <c r="E1674" i="1"/>
  <c r="E1673" i="1"/>
  <c r="E1672" i="1"/>
  <c r="E1671" i="1"/>
  <c r="E1670" i="1"/>
  <c r="E1669" i="1"/>
  <c r="E1668" i="1"/>
  <c r="E1667" i="1"/>
  <c r="E1666" i="1"/>
  <c r="E1664" i="1"/>
  <c r="E1663" i="1"/>
  <c r="E1662" i="1"/>
  <c r="E1660" i="1"/>
  <c r="E1658" i="1"/>
  <c r="E1657" i="1"/>
  <c r="E1656" i="1"/>
  <c r="E1655" i="1"/>
  <c r="E1653" i="1"/>
  <c r="E1651" i="1"/>
  <c r="E1649" i="1"/>
  <c r="E1648" i="1"/>
  <c r="E1647" i="1"/>
  <c r="E1646" i="1"/>
  <c r="E1645" i="1"/>
  <c r="E1644" i="1"/>
  <c r="E1643" i="1"/>
  <c r="E1642" i="1"/>
  <c r="E1640" i="1"/>
  <c r="E1639" i="1"/>
  <c r="E1637" i="1"/>
  <c r="E1636" i="1"/>
  <c r="E1634" i="1"/>
  <c r="E1633" i="1"/>
  <c r="E1631" i="1"/>
  <c r="E1629" i="1"/>
  <c r="E1627" i="1"/>
  <c r="E1625" i="1"/>
  <c r="E1623" i="1"/>
  <c r="E1622" i="1"/>
  <c r="E1620" i="1"/>
  <c r="E1618" i="1"/>
  <c r="E1616" i="1"/>
  <c r="E1615" i="1"/>
  <c r="E1614" i="1"/>
  <c r="E1612" i="1"/>
  <c r="E1610" i="1"/>
  <c r="E1608" i="1"/>
  <c r="E1607" i="1"/>
  <c r="E1605" i="1"/>
  <c r="E1603" i="1"/>
  <c r="E1601" i="1"/>
  <c r="E1600" i="1"/>
  <c r="E1598" i="1"/>
  <c r="E1597" i="1"/>
  <c r="E1596" i="1"/>
  <c r="E1595" i="1"/>
  <c r="E1593" i="1"/>
  <c r="E1592" i="1"/>
  <c r="E1591" i="1"/>
  <c r="E1590" i="1"/>
  <c r="E1588" i="1"/>
  <c r="E1587" i="1"/>
  <c r="E1586" i="1"/>
  <c r="E1584" i="1"/>
  <c r="E1582" i="1"/>
  <c r="E1580" i="1"/>
  <c r="E1579" i="1"/>
  <c r="E1578" i="1"/>
  <c r="E1576" i="1"/>
  <c r="E1574" i="1"/>
  <c r="E1572" i="1"/>
  <c r="E1570" i="1"/>
  <c r="E1569" i="1"/>
  <c r="E1567" i="1"/>
  <c r="E1565" i="1"/>
  <c r="E1564" i="1"/>
  <c r="E1562" i="1"/>
  <c r="E1561" i="1"/>
  <c r="E1559" i="1"/>
  <c r="E1558" i="1"/>
  <c r="E1557" i="1"/>
  <c r="E1555" i="1"/>
  <c r="E1554" i="1"/>
  <c r="E1553" i="1"/>
  <c r="E1551" i="1"/>
  <c r="E1550" i="1"/>
  <c r="E1548" i="1"/>
  <c r="E1546" i="1"/>
  <c r="E1544" i="1"/>
  <c r="E1543" i="1"/>
  <c r="E1541" i="1"/>
  <c r="E1540" i="1"/>
  <c r="E1538" i="1"/>
  <c r="E1536" i="1"/>
  <c r="E1534" i="1"/>
  <c r="E1533" i="1"/>
  <c r="E1532" i="1"/>
  <c r="E1530" i="1"/>
  <c r="E1528" i="1"/>
  <c r="E1527" i="1"/>
  <c r="E1526" i="1"/>
  <c r="E1524" i="1"/>
  <c r="E1522" i="1"/>
  <c r="E1520" i="1"/>
  <c r="E1518" i="1"/>
  <c r="E1516" i="1"/>
  <c r="E1514" i="1"/>
  <c r="E1512" i="1"/>
  <c r="E1510" i="1"/>
  <c r="E1509" i="1"/>
  <c r="E1507" i="1"/>
  <c r="E1506" i="1"/>
  <c r="E1505" i="1"/>
  <c r="E1503" i="1"/>
  <c r="E1501" i="1"/>
  <c r="E1499" i="1"/>
  <c r="E1497" i="1"/>
  <c r="E1496" i="1"/>
  <c r="E1494" i="1"/>
  <c r="E1493" i="1"/>
  <c r="E1492" i="1"/>
  <c r="E1491" i="1"/>
  <c r="E1490" i="1"/>
  <c r="E1488" i="1"/>
  <c r="E1486" i="1"/>
  <c r="E1484" i="1"/>
  <c r="E1482" i="1"/>
  <c r="E1480" i="1"/>
  <c r="E1478" i="1"/>
  <c r="E1476" i="1"/>
  <c r="E1474" i="1"/>
  <c r="E1472" i="1"/>
  <c r="E1471" i="1"/>
  <c r="E1470" i="1"/>
  <c r="E1468" i="1"/>
  <c r="E1466" i="1"/>
  <c r="E1464" i="1"/>
  <c r="E1462" i="1"/>
  <c r="E1460" i="1"/>
  <c r="E1458" i="1"/>
  <c r="E1457" i="1"/>
  <c r="E1455" i="1"/>
  <c r="E1453" i="1"/>
  <c r="E1452" i="1"/>
  <c r="E1450" i="1"/>
  <c r="E1448" i="1"/>
  <c r="E1447" i="1"/>
  <c r="E1446" i="1"/>
  <c r="E1445" i="1"/>
  <c r="E1444" i="1"/>
  <c r="E1443" i="1"/>
  <c r="E1442" i="1"/>
  <c r="E1440" i="1"/>
  <c r="E1438" i="1"/>
  <c r="E1436" i="1"/>
  <c r="E1434" i="1"/>
  <c r="E1432" i="1"/>
  <c r="E1430" i="1"/>
  <c r="E1428" i="1"/>
  <c r="E1426" i="1"/>
  <c r="E1425" i="1"/>
  <c r="E1424" i="1"/>
  <c r="E1422" i="1"/>
  <c r="E1420" i="1"/>
  <c r="E1419" i="1"/>
  <c r="E1418" i="1"/>
  <c r="E1417" i="1"/>
  <c r="E1415" i="1"/>
  <c r="E1413" i="1"/>
  <c r="E1412" i="1"/>
  <c r="E1410" i="1"/>
  <c r="E1408" i="1"/>
  <c r="E1406" i="1"/>
  <c r="E1405" i="1"/>
  <c r="E1403" i="1"/>
  <c r="E1402" i="1"/>
  <c r="E1400" i="1"/>
  <c r="E1398" i="1"/>
  <c r="E1397" i="1"/>
  <c r="E1396" i="1"/>
  <c r="E1395" i="1"/>
  <c r="E1394" i="1"/>
  <c r="E1393" i="1"/>
  <c r="E1392" i="1"/>
  <c r="E1391" i="1"/>
  <c r="E1390" i="1"/>
  <c r="E1389" i="1"/>
  <c r="E1388" i="1"/>
  <c r="E1387" i="1"/>
  <c r="E1385" i="1"/>
  <c r="E1383" i="1"/>
  <c r="E1382" i="1"/>
  <c r="E1381" i="1"/>
  <c r="E1380" i="1"/>
  <c r="E1379" i="1"/>
  <c r="E1378" i="1"/>
  <c r="E1377" i="1"/>
  <c r="E1376" i="1"/>
  <c r="E1374" i="1"/>
  <c r="E1373" i="1"/>
  <c r="E1371" i="1"/>
  <c r="E1369" i="1"/>
  <c r="E1367" i="1"/>
  <c r="E1365" i="1"/>
  <c r="E1364" i="1"/>
  <c r="E1363" i="1"/>
  <c r="E1361" i="1"/>
  <c r="E1359" i="1"/>
  <c r="E1357" i="1"/>
  <c r="E1356" i="1"/>
  <c r="E1354" i="1"/>
  <c r="E1352" i="1"/>
  <c r="E1350" i="1"/>
  <c r="E1348" i="1"/>
  <c r="E1347" i="1"/>
  <c r="E1345" i="1"/>
  <c r="E1343" i="1"/>
  <c r="E1342" i="1"/>
  <c r="E1341" i="1"/>
  <c r="E1339" i="1"/>
  <c r="E1337" i="1"/>
  <c r="E1335" i="1"/>
  <c r="E1334" i="1"/>
  <c r="E1332" i="1"/>
  <c r="E1330" i="1"/>
  <c r="E1328" i="1"/>
  <c r="E1326" i="1"/>
  <c r="E1324" i="1"/>
  <c r="E1322" i="1"/>
  <c r="E1320" i="1"/>
  <c r="E1319" i="1"/>
  <c r="E1317" i="1"/>
  <c r="E1315" i="1"/>
  <c r="E1314" i="1"/>
  <c r="E1313" i="1"/>
  <c r="E1312" i="1"/>
  <c r="E1311" i="1"/>
  <c r="E1310" i="1"/>
  <c r="E1309" i="1"/>
  <c r="E1307" i="1"/>
  <c r="E1305" i="1"/>
  <c r="E1303" i="1"/>
  <c r="E1301" i="1"/>
  <c r="E1299" i="1"/>
  <c r="E1297" i="1"/>
  <c r="E1296" i="1"/>
  <c r="E1295" i="1"/>
  <c r="E1294" i="1"/>
  <c r="E1293" i="1"/>
  <c r="E1291" i="1"/>
  <c r="E1290" i="1"/>
  <c r="E1289" i="1"/>
  <c r="E1288" i="1"/>
  <c r="E1287" i="1"/>
  <c r="E1286" i="1"/>
  <c r="E1285" i="1"/>
  <c r="E1284" i="1"/>
  <c r="E1283" i="1"/>
  <c r="E1282" i="1"/>
  <c r="E1281" i="1"/>
  <c r="E1280" i="1"/>
  <c r="E1279" i="1"/>
  <c r="E1278" i="1"/>
  <c r="E1277" i="1"/>
  <c r="E1276" i="1"/>
  <c r="E1275" i="1"/>
  <c r="E1274" i="1"/>
  <c r="E1272" i="1"/>
  <c r="E1271" i="1"/>
  <c r="E1270" i="1"/>
  <c r="E1269" i="1"/>
  <c r="E1268" i="1"/>
  <c r="E1267" i="1"/>
  <c r="E1266" i="1"/>
  <c r="E1265" i="1"/>
  <c r="E1264" i="1"/>
  <c r="E1263" i="1"/>
  <c r="E1262" i="1"/>
  <c r="E1261" i="1"/>
  <c r="E1260" i="1"/>
  <c r="E1259" i="1"/>
  <c r="E1258" i="1"/>
  <c r="E1257" i="1"/>
  <c r="E1256" i="1"/>
  <c r="E1255" i="1"/>
  <c r="E1254" i="1"/>
  <c r="E1253" i="1"/>
  <c r="E1252" i="1"/>
  <c r="E1251" i="1"/>
  <c r="E1250" i="1"/>
  <c r="E1249" i="1"/>
  <c r="E1248" i="1"/>
  <c r="E1247" i="1"/>
  <c r="E1246" i="1"/>
  <c r="E1245" i="1"/>
  <c r="E1244" i="1"/>
  <c r="E1243" i="1"/>
  <c r="E1242" i="1"/>
  <c r="E1241" i="1"/>
  <c r="E1240" i="1"/>
  <c r="E1239" i="1"/>
  <c r="E1238" i="1"/>
  <c r="E1237" i="1"/>
  <c r="E1236" i="1"/>
  <c r="E1235" i="1"/>
  <c r="E1233" i="1"/>
  <c r="E1232" i="1"/>
  <c r="E1231" i="1"/>
  <c r="E1230" i="1"/>
  <c r="E1229" i="1"/>
  <c r="E1228" i="1"/>
  <c r="E1227" i="1"/>
  <c r="E1226" i="1"/>
  <c r="E1225" i="1"/>
  <c r="E1224" i="1"/>
  <c r="E1223" i="1"/>
  <c r="E1222" i="1"/>
  <c r="E1221" i="1"/>
  <c r="E1220" i="1"/>
  <c r="E1219" i="1"/>
  <c r="E1218" i="1"/>
  <c r="E1217" i="1"/>
  <c r="E1216" i="1"/>
  <c r="E1215" i="1"/>
  <c r="E1214" i="1"/>
  <c r="E1212" i="1"/>
  <c r="E1211" i="1"/>
  <c r="E1210" i="1"/>
  <c r="E1209" i="1"/>
  <c r="E1208" i="1"/>
  <c r="E1207" i="1"/>
  <c r="E1206" i="1"/>
  <c r="E1205" i="1"/>
  <c r="E1204" i="1"/>
  <c r="E1203" i="1"/>
  <c r="E1202" i="1"/>
  <c r="E1201" i="1"/>
  <c r="E1200" i="1"/>
  <c r="E1199" i="1"/>
  <c r="E1198" i="1"/>
  <c r="E1196" i="1"/>
  <c r="E1195" i="1"/>
  <c r="E1194" i="1"/>
  <c r="E1193" i="1"/>
  <c r="E1192" i="1"/>
  <c r="E1191" i="1"/>
  <c r="E1189" i="1"/>
  <c r="E1187" i="1"/>
  <c r="E1185" i="1"/>
  <c r="E1184" i="1"/>
  <c r="E1183" i="1"/>
  <c r="E1182" i="1"/>
  <c r="E1181" i="1"/>
  <c r="E1179" i="1"/>
  <c r="E1177" i="1"/>
  <c r="E1175" i="1"/>
  <c r="E1173" i="1"/>
  <c r="E1172" i="1"/>
  <c r="E1171" i="1"/>
  <c r="E1170" i="1"/>
  <c r="E1169" i="1"/>
  <c r="E1168" i="1"/>
  <c r="E1167" i="1"/>
  <c r="E1166" i="1"/>
  <c r="E1165" i="1"/>
  <c r="E1164" i="1"/>
  <c r="E1163" i="1"/>
  <c r="E1162" i="1"/>
  <c r="E1161" i="1"/>
  <c r="E1160" i="1"/>
  <c r="E1159" i="1"/>
  <c r="E1158" i="1"/>
  <c r="E1157" i="1"/>
  <c r="E1156" i="1"/>
  <c r="E1155" i="1"/>
  <c r="E1154" i="1"/>
  <c r="E1153" i="1"/>
  <c r="E1152" i="1"/>
  <c r="E1151" i="1"/>
  <c r="E1150" i="1"/>
  <c r="E1149" i="1"/>
  <c r="E1148" i="1"/>
  <c r="E1147" i="1"/>
  <c r="E1146" i="1"/>
  <c r="E1145" i="1"/>
  <c r="E1144" i="1"/>
  <c r="E1143" i="1"/>
  <c r="E1142" i="1"/>
  <c r="E1141" i="1"/>
  <c r="E1140" i="1"/>
  <c r="E1139" i="1"/>
  <c r="E1138" i="1"/>
  <c r="E1137" i="1"/>
  <c r="E1136" i="1"/>
  <c r="E1135" i="1"/>
  <c r="E1134" i="1"/>
  <c r="E1133" i="1"/>
  <c r="E1132" i="1"/>
  <c r="E1131" i="1"/>
  <c r="E1130" i="1"/>
  <c r="E1129" i="1"/>
  <c r="E1128" i="1"/>
  <c r="E1127" i="1"/>
  <c r="E1126" i="1"/>
  <c r="E1125" i="1"/>
  <c r="E1124" i="1"/>
  <c r="E1123" i="1"/>
  <c r="E1122" i="1"/>
  <c r="E1121" i="1"/>
  <c r="E1120" i="1"/>
  <c r="E1119" i="1"/>
  <c r="E1118" i="1"/>
  <c r="E1117" i="1"/>
  <c r="E1116" i="1"/>
  <c r="E1115" i="1"/>
  <c r="E1114" i="1"/>
  <c r="E1113" i="1"/>
  <c r="E1112" i="1"/>
  <c r="E1111" i="1"/>
  <c r="E1110" i="1"/>
  <c r="E1109" i="1"/>
  <c r="E1108" i="1"/>
  <c r="E1107" i="1"/>
  <c r="E1106" i="1"/>
  <c r="E1105" i="1"/>
  <c r="E1104" i="1"/>
  <c r="E1103" i="1"/>
  <c r="E1102" i="1"/>
  <c r="E1101" i="1"/>
  <c r="E1100" i="1"/>
  <c r="E1099" i="1"/>
  <c r="E1098" i="1"/>
  <c r="E1097" i="1"/>
  <c r="E1096" i="1"/>
  <c r="E1095" i="1"/>
  <c r="E1094" i="1"/>
  <c r="E1093" i="1"/>
  <c r="E1092" i="1"/>
  <c r="E1091" i="1"/>
  <c r="E1090" i="1"/>
  <c r="E1089" i="1"/>
  <c r="E1088" i="1"/>
  <c r="E1087" i="1"/>
  <c r="E1086" i="1"/>
  <c r="E1085" i="1"/>
  <c r="E1084" i="1"/>
  <c r="E1083" i="1"/>
  <c r="E1082" i="1"/>
  <c r="E1081" i="1"/>
  <c r="E1080" i="1"/>
  <c r="E1079" i="1"/>
  <c r="E1078" i="1"/>
  <c r="E1077" i="1"/>
  <c r="E1076" i="1"/>
  <c r="E1075" i="1"/>
  <c r="E1074" i="1"/>
  <c r="E1073" i="1"/>
  <c r="E1072" i="1"/>
  <c r="E1071" i="1"/>
  <c r="E1070" i="1"/>
  <c r="E1069" i="1"/>
  <c r="E1068" i="1"/>
  <c r="E1067" i="1"/>
  <c r="E1066" i="1"/>
  <c r="E1065" i="1"/>
  <c r="E1064" i="1"/>
  <c r="E1063" i="1"/>
  <c r="E1062" i="1"/>
  <c r="E1061" i="1"/>
  <c r="E1060" i="1"/>
  <c r="E1059" i="1"/>
  <c r="E1058" i="1"/>
  <c r="E1057" i="1"/>
  <c r="E1056" i="1"/>
  <c r="E1055" i="1"/>
  <c r="E1054" i="1"/>
  <c r="E1053" i="1"/>
  <c r="E1052" i="1"/>
  <c r="E1051" i="1"/>
  <c r="E1050" i="1"/>
  <c r="E1049" i="1"/>
  <c r="E1048" i="1"/>
  <c r="E1047" i="1"/>
  <c r="E1046" i="1"/>
  <c r="E1045" i="1"/>
  <c r="E1044" i="1"/>
  <c r="E1043" i="1"/>
  <c r="E1042" i="1"/>
  <c r="E1041" i="1"/>
  <c r="E1040" i="1"/>
  <c r="E1039" i="1"/>
  <c r="E1038" i="1"/>
  <c r="E1037" i="1"/>
  <c r="E1036" i="1"/>
  <c r="E1035" i="1"/>
  <c r="E1034" i="1"/>
  <c r="E1033" i="1"/>
  <c r="E1032" i="1"/>
  <c r="E1031" i="1"/>
  <c r="E1030" i="1"/>
  <c r="E1029" i="1"/>
  <c r="E1028" i="1"/>
  <c r="E1027" i="1"/>
  <c r="E1026" i="1"/>
  <c r="E1025" i="1"/>
  <c r="E1024" i="1"/>
  <c r="E1023" i="1"/>
  <c r="E1022" i="1"/>
  <c r="E1021" i="1"/>
  <c r="E1020" i="1"/>
  <c r="E1019" i="1"/>
  <c r="E1018" i="1"/>
  <c r="E1017" i="1"/>
  <c r="E1016" i="1"/>
  <c r="E1015" i="1"/>
  <c r="E1014" i="1"/>
  <c r="E1013" i="1"/>
  <c r="E1011" i="1"/>
  <c r="E1010" i="1"/>
  <c r="E1008" i="1"/>
  <c r="E1007" i="1"/>
  <c r="E1006" i="1"/>
  <c r="E1004" i="1"/>
  <c r="E1003" i="1"/>
  <c r="E1002" i="1"/>
  <c r="E1001" i="1"/>
  <c r="E1000" i="1"/>
  <c r="E999" i="1"/>
  <c r="E998" i="1"/>
  <c r="E997" i="1"/>
  <c r="E996" i="1"/>
  <c r="E995" i="1"/>
  <c r="E994" i="1"/>
  <c r="E993" i="1"/>
  <c r="E991" i="1"/>
  <c r="E990" i="1"/>
  <c r="E989" i="1"/>
  <c r="E988" i="1"/>
  <c r="E987" i="1"/>
  <c r="E986" i="1"/>
  <c r="E985" i="1"/>
  <c r="E984" i="1"/>
  <c r="E983" i="1"/>
  <c r="E982" i="1"/>
  <c r="E981" i="1"/>
  <c r="E980" i="1"/>
  <c r="E979" i="1"/>
  <c r="E978" i="1"/>
  <c r="E977" i="1"/>
  <c r="E976" i="1"/>
  <c r="E975" i="1"/>
  <c r="E974" i="1"/>
  <c r="E973" i="1"/>
  <c r="E972" i="1"/>
  <c r="E971" i="1"/>
  <c r="E970" i="1"/>
  <c r="E969" i="1"/>
  <c r="E968" i="1"/>
  <c r="E967" i="1"/>
  <c r="E966" i="1"/>
  <c r="E965" i="1"/>
  <c r="E964" i="1"/>
  <c r="E963" i="1"/>
  <c r="E962" i="1"/>
  <c r="E961" i="1"/>
  <c r="E960" i="1"/>
  <c r="E959" i="1"/>
  <c r="E958" i="1"/>
  <c r="E957" i="1"/>
  <c r="E955" i="1"/>
  <c r="E953" i="1"/>
  <c r="E952" i="1"/>
  <c r="E951" i="1"/>
  <c r="E950" i="1"/>
  <c r="E948" i="1"/>
  <c r="E947" i="1"/>
  <c r="E946" i="1"/>
  <c r="E944" i="1"/>
  <c r="E943" i="1"/>
  <c r="E942" i="1"/>
  <c r="E941" i="1"/>
  <c r="E940" i="1"/>
  <c r="E939" i="1"/>
  <c r="E938" i="1"/>
  <c r="E937" i="1"/>
  <c r="E936" i="1"/>
  <c r="E935" i="1"/>
  <c r="E934" i="1"/>
  <c r="E933" i="1"/>
  <c r="E932" i="1"/>
  <c r="E930" i="1"/>
  <c r="E929" i="1"/>
  <c r="E927" i="1"/>
  <c r="E926" i="1"/>
  <c r="E924" i="1"/>
  <c r="E922" i="1"/>
  <c r="E920" i="1"/>
  <c r="E919" i="1"/>
  <c r="E918" i="1"/>
  <c r="E916" i="1"/>
  <c r="E915" i="1"/>
  <c r="E914" i="1"/>
  <c r="E912" i="1"/>
  <c r="E911" i="1"/>
  <c r="E909" i="1"/>
  <c r="E908" i="1"/>
  <c r="E906" i="1"/>
  <c r="E905" i="1"/>
  <c r="E903" i="1"/>
  <c r="E901" i="1"/>
  <c r="E900" i="1"/>
  <c r="E899" i="1"/>
  <c r="E898" i="1"/>
  <c r="E897" i="1"/>
  <c r="E896" i="1"/>
  <c r="E895" i="1"/>
  <c r="E894" i="1"/>
  <c r="E893" i="1"/>
  <c r="E892" i="1"/>
  <c r="E891" i="1"/>
  <c r="E890" i="1"/>
  <c r="E889" i="1"/>
  <c r="E888" i="1"/>
  <c r="E887" i="1"/>
  <c r="E886" i="1"/>
  <c r="E885" i="1"/>
  <c r="E884" i="1"/>
  <c r="E883" i="1"/>
  <c r="E882" i="1"/>
  <c r="E881" i="1"/>
  <c r="E880" i="1"/>
  <c r="E879" i="1"/>
  <c r="E878" i="1"/>
  <c r="E877" i="1"/>
  <c r="E876" i="1"/>
  <c r="E875" i="1"/>
  <c r="E874" i="1"/>
  <c r="E873" i="1"/>
  <c r="E871" i="1"/>
  <c r="E870" i="1"/>
  <c r="E869" i="1"/>
  <c r="E868" i="1"/>
  <c r="E867" i="1"/>
  <c r="E865" i="1"/>
  <c r="E863" i="1"/>
  <c r="E861" i="1"/>
  <c r="E859" i="1"/>
  <c r="E857" i="1"/>
  <c r="E856" i="1"/>
  <c r="E854" i="1"/>
  <c r="E853" i="1"/>
  <c r="E852" i="1"/>
  <c r="E851" i="1"/>
  <c r="E850" i="1"/>
  <c r="E849" i="1"/>
  <c r="E848" i="1"/>
  <c r="E847" i="1"/>
  <c r="E846" i="1"/>
  <c r="E845" i="1"/>
  <c r="E844" i="1"/>
  <c r="E843" i="1"/>
  <c r="E842" i="1"/>
  <c r="E840" i="1"/>
  <c r="E838" i="1"/>
  <c r="E836" i="1"/>
  <c r="E834" i="1"/>
  <c r="E832" i="1"/>
  <c r="E830" i="1"/>
  <c r="E828" i="1"/>
  <c r="E826" i="1"/>
  <c r="E824" i="1"/>
  <c r="E822" i="1"/>
  <c r="E820" i="1"/>
  <c r="E819" i="1"/>
  <c r="E817" i="1"/>
  <c r="E815" i="1"/>
  <c r="E814" i="1"/>
  <c r="E813" i="1"/>
  <c r="E812" i="1"/>
  <c r="E811" i="1"/>
  <c r="E810" i="1"/>
  <c r="E809" i="1"/>
  <c r="E808" i="1"/>
  <c r="E807" i="1"/>
  <c r="E806" i="1"/>
  <c r="E805" i="1"/>
  <c r="E804" i="1"/>
  <c r="E803" i="1"/>
  <c r="E802" i="1"/>
  <c r="E801" i="1"/>
  <c r="E800" i="1"/>
  <c r="E799" i="1"/>
  <c r="E798" i="1"/>
  <c r="E797" i="1"/>
  <c r="E796" i="1"/>
  <c r="E795" i="1"/>
  <c r="E794" i="1"/>
  <c r="E793" i="1"/>
  <c r="E792" i="1"/>
  <c r="E791" i="1"/>
  <c r="E790" i="1"/>
  <c r="E789" i="1"/>
  <c r="E788" i="1"/>
  <c r="E787" i="1"/>
  <c r="E786" i="1"/>
  <c r="E785" i="1"/>
  <c r="E784" i="1"/>
  <c r="E783" i="1"/>
  <c r="E782" i="1"/>
  <c r="E781" i="1"/>
  <c r="E780" i="1"/>
  <c r="E779" i="1"/>
  <c r="E778" i="1"/>
  <c r="E777" i="1"/>
  <c r="E776" i="1"/>
  <c r="E775" i="1"/>
  <c r="E774" i="1"/>
  <c r="E773" i="1"/>
  <c r="E772" i="1"/>
  <c r="E771" i="1"/>
  <c r="E770" i="1"/>
  <c r="E769" i="1"/>
  <c r="E767" i="1"/>
  <c r="E766" i="1"/>
  <c r="E765" i="1"/>
  <c r="E764" i="1"/>
  <c r="E763" i="1"/>
  <c r="E762" i="1"/>
  <c r="E761" i="1"/>
  <c r="E760" i="1"/>
  <c r="E759" i="1"/>
  <c r="E758" i="1"/>
  <c r="E757" i="1"/>
  <c r="E755" i="1"/>
  <c r="E753" i="1"/>
  <c r="E751" i="1"/>
  <c r="E749" i="1"/>
  <c r="E747" i="1"/>
  <c r="E746" i="1"/>
  <c r="E745" i="1"/>
  <c r="E744" i="1"/>
  <c r="E743" i="1"/>
  <c r="E742" i="1"/>
  <c r="E741" i="1"/>
  <c r="E740" i="1"/>
  <c r="E739" i="1"/>
  <c r="E738" i="1"/>
  <c r="E737" i="1"/>
  <c r="E736" i="1"/>
  <c r="E735" i="1"/>
  <c r="E734" i="1"/>
  <c r="E733" i="1"/>
  <c r="E732" i="1"/>
  <c r="E731" i="1"/>
  <c r="E730" i="1"/>
  <c r="E729" i="1"/>
  <c r="E728" i="1"/>
  <c r="E727" i="1"/>
  <c r="E726" i="1"/>
  <c r="E725" i="1"/>
  <c r="E724" i="1"/>
  <c r="E723" i="1"/>
  <c r="E722" i="1"/>
  <c r="E721" i="1"/>
  <c r="E720" i="1"/>
  <c r="E719" i="1"/>
  <c r="E718" i="1"/>
  <c r="E717" i="1"/>
  <c r="E716" i="1"/>
  <c r="E715" i="1"/>
  <c r="E714" i="1"/>
  <c r="E713" i="1"/>
  <c r="E712" i="1"/>
  <c r="E711" i="1"/>
  <c r="E710" i="1"/>
  <c r="E708" i="1"/>
  <c r="E706" i="1"/>
  <c r="E704" i="1"/>
  <c r="E702" i="1"/>
  <c r="E701" i="1"/>
  <c r="E699" i="1"/>
  <c r="E697" i="1"/>
  <c r="E695" i="1"/>
  <c r="E693" i="1"/>
  <c r="E691" i="1"/>
  <c r="E689" i="1"/>
  <c r="E687" i="1"/>
  <c r="E685" i="1"/>
  <c r="E684" i="1"/>
  <c r="E683" i="1"/>
  <c r="E682" i="1"/>
  <c r="E680" i="1"/>
  <c r="E678" i="1"/>
  <c r="E676" i="1"/>
  <c r="E674" i="1"/>
  <c r="E673" i="1"/>
  <c r="E671" i="1"/>
  <c r="E669" i="1"/>
  <c r="E667" i="1"/>
  <c r="E666" i="1"/>
  <c r="E665" i="1"/>
  <c r="E664" i="1"/>
  <c r="E663" i="1"/>
  <c r="E661" i="1"/>
  <c r="E659" i="1"/>
  <c r="E657" i="1"/>
  <c r="E655" i="1"/>
  <c r="E654" i="1"/>
  <c r="E653" i="1"/>
  <c r="E651" i="1"/>
  <c r="E650" i="1"/>
  <c r="E648" i="1"/>
  <c r="E647" i="1"/>
  <c r="E645" i="1"/>
  <c r="E644" i="1"/>
  <c r="E642" i="1"/>
  <c r="E641" i="1"/>
  <c r="E640" i="1"/>
  <c r="E639" i="1"/>
  <c r="E638" i="1"/>
  <c r="E637" i="1"/>
  <c r="E636" i="1"/>
  <c r="E634" i="1"/>
  <c r="E632" i="1"/>
  <c r="E631" i="1"/>
  <c r="E629" i="1"/>
  <c r="E628" i="1"/>
  <c r="E627" i="1"/>
  <c r="E625" i="1"/>
  <c r="E623" i="1"/>
  <c r="E622" i="1"/>
  <c r="E621" i="1"/>
  <c r="E620" i="1"/>
  <c r="E619" i="1"/>
  <c r="E618" i="1"/>
  <c r="E617" i="1"/>
  <c r="E615" i="1"/>
  <c r="E613" i="1"/>
  <c r="E611" i="1"/>
  <c r="E610" i="1"/>
  <c r="E608" i="1"/>
  <c r="E606" i="1"/>
  <c r="E605" i="1"/>
  <c r="E603" i="1"/>
  <c r="E601" i="1"/>
  <c r="E599" i="1"/>
  <c r="E597" i="1"/>
  <c r="E596" i="1"/>
  <c r="E594" i="1"/>
  <c r="E593" i="1"/>
  <c r="E592" i="1"/>
  <c r="E591" i="1"/>
  <c r="E589" i="1"/>
  <c r="E588" i="1"/>
  <c r="E587" i="1"/>
  <c r="E586" i="1"/>
  <c r="E585" i="1"/>
  <c r="E583" i="1"/>
  <c r="E582" i="1"/>
  <c r="E581" i="1"/>
  <c r="E580" i="1"/>
  <c r="E578" i="1"/>
  <c r="E577" i="1"/>
  <c r="E576" i="1"/>
  <c r="E575" i="1"/>
  <c r="E574" i="1"/>
  <c r="E573" i="1"/>
  <c r="E571" i="1"/>
  <c r="E569" i="1"/>
  <c r="E567" i="1"/>
  <c r="E566" i="1"/>
  <c r="E565" i="1"/>
  <c r="E563" i="1"/>
  <c r="E561" i="1"/>
  <c r="E559" i="1"/>
  <c r="E557" i="1"/>
  <c r="E556" i="1"/>
  <c r="E554" i="1"/>
  <c r="E552" i="1"/>
  <c r="E550" i="1"/>
  <c r="E549" i="1"/>
  <c r="E548" i="1"/>
  <c r="E547" i="1"/>
  <c r="E546" i="1"/>
  <c r="E545" i="1"/>
  <c r="E544" i="1"/>
  <c r="E543" i="1"/>
  <c r="E541" i="1"/>
  <c r="E540" i="1"/>
  <c r="E539" i="1"/>
  <c r="E538" i="1"/>
  <c r="E537" i="1"/>
  <c r="E536" i="1"/>
  <c r="E535" i="1"/>
  <c r="E534" i="1"/>
  <c r="E533" i="1"/>
  <c r="E532" i="1"/>
  <c r="E531" i="1"/>
  <c r="E530" i="1"/>
  <c r="E529" i="1"/>
  <c r="E527" i="1"/>
  <c r="E526" i="1"/>
  <c r="E525" i="1"/>
  <c r="E524" i="1"/>
  <c r="E522" i="1"/>
  <c r="E520" i="1"/>
  <c r="E519" i="1"/>
  <c r="E517" i="1"/>
  <c r="E516" i="1"/>
  <c r="E515" i="1"/>
  <c r="E514" i="1"/>
  <c r="E512" i="1"/>
  <c r="E511" i="1"/>
  <c r="E510" i="1"/>
  <c r="E509" i="1"/>
  <c r="E507" i="1"/>
  <c r="E506" i="1"/>
  <c r="E504" i="1"/>
  <c r="E503" i="1"/>
  <c r="E501" i="1"/>
  <c r="E499" i="1"/>
  <c r="E498" i="1"/>
  <c r="E497" i="1"/>
  <c r="E496" i="1"/>
  <c r="E494" i="1"/>
  <c r="E493" i="1"/>
  <c r="E492" i="1"/>
  <c r="E491" i="1"/>
  <c r="E489" i="1"/>
  <c r="E488" i="1"/>
  <c r="E486" i="1"/>
  <c r="E485" i="1"/>
  <c r="E483" i="1"/>
  <c r="E482" i="1"/>
  <c r="E481" i="1"/>
  <c r="E480" i="1"/>
  <c r="E479" i="1"/>
  <c r="E478" i="1"/>
  <c r="E477" i="1"/>
  <c r="E476" i="1"/>
  <c r="E475" i="1"/>
  <c r="E474" i="1"/>
  <c r="E473" i="1"/>
  <c r="E472" i="1"/>
  <c r="E471" i="1"/>
  <c r="E470" i="1"/>
  <c r="E469" i="1"/>
  <c r="E468" i="1"/>
  <c r="E467" i="1"/>
  <c r="E465" i="1"/>
  <c r="E464" i="1"/>
  <c r="E463" i="1"/>
  <c r="E461" i="1"/>
  <c r="E459" i="1"/>
  <c r="E457" i="1"/>
  <c r="E456" i="1"/>
  <c r="E455" i="1"/>
  <c r="E453" i="1"/>
  <c r="E452" i="1"/>
  <c r="E450" i="1"/>
  <c r="E448" i="1"/>
  <c r="E446" i="1"/>
  <c r="E445" i="1"/>
  <c r="E444" i="1"/>
  <c r="E442" i="1"/>
  <c r="E440" i="1"/>
  <c r="E439" i="1"/>
  <c r="E438" i="1"/>
  <c r="E437" i="1"/>
  <c r="E436" i="1"/>
  <c r="E435" i="1"/>
  <c r="E433" i="1"/>
  <c r="E432" i="1"/>
  <c r="E431" i="1"/>
  <c r="E430" i="1"/>
  <c r="E429" i="1"/>
  <c r="E428" i="1"/>
  <c r="E427" i="1"/>
  <c r="E426" i="1"/>
  <c r="E424" i="1"/>
  <c r="E423" i="1"/>
  <c r="E421" i="1"/>
  <c r="E420" i="1"/>
  <c r="E418" i="1"/>
  <c r="E416" i="1"/>
  <c r="E415" i="1"/>
  <c r="E414" i="1"/>
  <c r="E412" i="1"/>
  <c r="E410" i="1"/>
  <c r="E409" i="1"/>
  <c r="E408" i="1"/>
  <c r="E406" i="1"/>
  <c r="E405" i="1"/>
  <c r="E403" i="1"/>
  <c r="E402" i="1"/>
  <c r="E401" i="1"/>
  <c r="E399" i="1"/>
  <c r="E398" i="1"/>
  <c r="E396" i="1"/>
  <c r="E394" i="1"/>
  <c r="E392" i="1"/>
  <c r="E391" i="1"/>
  <c r="E390" i="1"/>
  <c r="E389" i="1"/>
  <c r="E387" i="1"/>
  <c r="E385" i="1"/>
  <c r="E384" i="1"/>
  <c r="E383" i="1"/>
  <c r="E381" i="1"/>
  <c r="E380" i="1"/>
  <c r="E378" i="1"/>
  <c r="E376" i="1"/>
  <c r="E374" i="1"/>
  <c r="E372" i="1"/>
  <c r="E371" i="1"/>
  <c r="E370" i="1"/>
  <c r="E369" i="1"/>
  <c r="E367" i="1"/>
  <c r="E366" i="1"/>
  <c r="E365" i="1"/>
  <c r="E363" i="1"/>
  <c r="E362" i="1"/>
  <c r="E361" i="1"/>
  <c r="E360" i="1"/>
  <c r="E359" i="1"/>
  <c r="E358" i="1"/>
  <c r="E356" i="1"/>
  <c r="E354" i="1"/>
  <c r="E353" i="1"/>
  <c r="E352" i="1"/>
  <c r="E351" i="1"/>
  <c r="E350" i="1"/>
  <c r="E349" i="1"/>
  <c r="E347" i="1"/>
  <c r="E345" i="1"/>
  <c r="E344" i="1"/>
  <c r="E343" i="1"/>
  <c r="E342" i="1"/>
  <c r="E341" i="1"/>
  <c r="E339" i="1"/>
  <c r="E337" i="1"/>
  <c r="E335" i="1"/>
  <c r="E334" i="1"/>
  <c r="E333" i="1"/>
  <c r="E331" i="1"/>
  <c r="E330" i="1"/>
  <c r="E329" i="1"/>
  <c r="E328" i="1"/>
  <c r="E327" i="1"/>
  <c r="E325" i="1"/>
  <c r="E324" i="1"/>
  <c r="E322" i="1"/>
  <c r="E320" i="1"/>
  <c r="E318" i="1"/>
  <c r="E317" i="1"/>
  <c r="E315" i="1"/>
  <c r="E313" i="1"/>
  <c r="E311" i="1"/>
  <c r="E309" i="1"/>
  <c r="E307" i="1"/>
  <c r="E306" i="1"/>
  <c r="E305" i="1"/>
  <c r="E303" i="1"/>
  <c r="E302" i="1"/>
  <c r="E300" i="1"/>
  <c r="E299" i="1"/>
  <c r="E297" i="1"/>
  <c r="E296" i="1"/>
  <c r="E294" i="1"/>
  <c r="E292" i="1"/>
  <c r="E291" i="1"/>
  <c r="E290" i="1"/>
  <c r="E288" i="1"/>
  <c r="E286" i="1"/>
  <c r="E285" i="1"/>
  <c r="E283" i="1"/>
  <c r="E282" i="1"/>
  <c r="E280" i="1"/>
  <c r="E278" i="1"/>
  <c r="E276" i="1"/>
  <c r="E274" i="1"/>
  <c r="E272" i="1"/>
  <c r="E270" i="1"/>
  <c r="E269" i="1"/>
  <c r="E268" i="1"/>
  <c r="E266" i="1"/>
  <c r="E264" i="1"/>
  <c r="E262" i="1"/>
  <c r="E260" i="1"/>
  <c r="E259" i="1"/>
  <c r="E258" i="1"/>
  <c r="E257" i="1"/>
  <c r="E256" i="1"/>
  <c r="E255" i="1"/>
  <c r="E254" i="1"/>
  <c r="E253" i="1"/>
  <c r="E252" i="1"/>
  <c r="E250" i="1"/>
  <c r="E249" i="1"/>
  <c r="E248" i="1"/>
  <c r="E246" i="1"/>
  <c r="E245" i="1"/>
  <c r="E244" i="1"/>
  <c r="E243" i="1"/>
  <c r="E242" i="1"/>
  <c r="E241" i="1"/>
  <c r="E240" i="1"/>
  <c r="E239" i="1"/>
  <c r="E238" i="1"/>
  <c r="E237" i="1"/>
  <c r="E236" i="1"/>
  <c r="E235" i="1"/>
  <c r="E234" i="1"/>
  <c r="E233" i="1"/>
  <c r="E231" i="1"/>
  <c r="E230" i="1"/>
  <c r="E228" i="1"/>
  <c r="E227" i="1"/>
  <c r="E226" i="1"/>
  <c r="E225" i="1"/>
  <c r="E224" i="1"/>
  <c r="E223" i="1"/>
  <c r="E222" i="1"/>
  <c r="E221" i="1"/>
  <c r="E220" i="1"/>
  <c r="E219" i="1"/>
  <c r="E218" i="1"/>
  <c r="E217" i="1"/>
  <c r="E216" i="1"/>
  <c r="E215" i="1"/>
  <c r="E214" i="1"/>
  <c r="E213" i="1"/>
  <c r="E212" i="1"/>
  <c r="E211" i="1"/>
  <c r="E210" i="1"/>
  <c r="E209" i="1"/>
  <c r="E208" i="1"/>
  <c r="E207" i="1"/>
  <c r="E206" i="1"/>
  <c r="E205" i="1"/>
  <c r="E204" i="1"/>
  <c r="E203" i="1"/>
  <c r="E202" i="1"/>
  <c r="E201" i="1"/>
  <c r="E200" i="1"/>
  <c r="E199" i="1"/>
  <c r="E197" i="1"/>
  <c r="E195" i="1"/>
  <c r="E193" i="1"/>
  <c r="E191" i="1"/>
  <c r="E190" i="1"/>
  <c r="E189" i="1"/>
  <c r="E188" i="1"/>
  <c r="E187" i="1"/>
  <c r="E186" i="1"/>
  <c r="E184" i="1"/>
  <c r="E183" i="1"/>
  <c r="E182" i="1"/>
  <c r="E181" i="1"/>
  <c r="E180" i="1"/>
  <c r="E178" i="1"/>
  <c r="E176" i="1"/>
  <c r="E174" i="1"/>
  <c r="E173" i="1"/>
  <c r="E172" i="1"/>
  <c r="E171" i="1"/>
  <c r="E169" i="1"/>
  <c r="E167" i="1"/>
  <c r="E166" i="1"/>
  <c r="E165" i="1"/>
  <c r="E164" i="1"/>
  <c r="E163" i="1"/>
  <c r="E162" i="1"/>
  <c r="E161" i="1"/>
  <c r="E160" i="1"/>
  <c r="E159" i="1"/>
  <c r="E157" i="1"/>
  <c r="E156" i="1"/>
  <c r="E154" i="1"/>
  <c r="E153" i="1"/>
  <c r="E152" i="1"/>
  <c r="E151" i="1"/>
  <c r="E150" i="1"/>
  <c r="E149" i="1"/>
  <c r="E148" i="1"/>
  <c r="E147" i="1"/>
  <c r="E146" i="1"/>
  <c r="E145" i="1"/>
  <c r="E144" i="1"/>
  <c r="E143" i="1"/>
  <c r="E142" i="1"/>
  <c r="E141" i="1"/>
  <c r="E140" i="1"/>
  <c r="E139" i="1"/>
  <c r="E138" i="1"/>
  <c r="E137" i="1"/>
  <c r="E136" i="1"/>
  <c r="E135" i="1"/>
  <c r="E134" i="1"/>
  <c r="E133" i="1"/>
  <c r="E132" i="1"/>
  <c r="E131" i="1"/>
  <c r="E130" i="1"/>
  <c r="E129" i="1"/>
  <c r="E128" i="1"/>
  <c r="E127" i="1"/>
  <c r="E126" i="1"/>
  <c r="E125" i="1"/>
  <c r="E124" i="1"/>
  <c r="E123" i="1"/>
  <c r="E122" i="1"/>
  <c r="E120" i="1"/>
  <c r="E118" i="1"/>
  <c r="E117" i="1"/>
  <c r="E115" i="1"/>
  <c r="E114" i="1"/>
  <c r="E113" i="1"/>
  <c r="E111" i="1"/>
  <c r="E110" i="1"/>
  <c r="E109" i="1"/>
  <c r="E108" i="1"/>
  <c r="E107" i="1"/>
  <c r="E106" i="1"/>
  <c r="E104" i="1"/>
  <c r="E103" i="1"/>
  <c r="E101" i="1"/>
  <c r="E99" i="1"/>
  <c r="E97" i="1"/>
  <c r="E96" i="1"/>
  <c r="E94" i="1"/>
  <c r="E92" i="1"/>
  <c r="E90" i="1"/>
  <c r="E88" i="1"/>
  <c r="E86" i="1"/>
  <c r="E84" i="1"/>
  <c r="E82" i="1"/>
  <c r="E80" i="1"/>
  <c r="E78" i="1"/>
  <c r="E76" i="1"/>
  <c r="E74" i="1"/>
  <c r="E72" i="1"/>
  <c r="E70" i="1"/>
  <c r="E68" i="1"/>
  <c r="E6" i="1" l="1"/>
  <c r="E3043" i="1" l="1"/>
  <c r="E3042" i="1"/>
  <c r="E3041" i="1"/>
  <c r="E3040" i="1"/>
  <c r="E3039" i="1"/>
  <c r="E3038" i="1"/>
  <c r="E3037" i="1"/>
  <c r="E3036" i="1"/>
  <c r="E3035" i="1"/>
  <c r="E3034" i="1"/>
  <c r="E3033" i="1"/>
  <c r="E3032" i="1"/>
  <c r="E3031" i="1"/>
  <c r="E3030" i="1"/>
  <c r="E3029" i="1"/>
  <c r="E3028" i="1"/>
  <c r="E3027" i="1"/>
  <c r="E3026" i="1"/>
  <c r="E3025" i="1"/>
  <c r="E3024" i="1"/>
  <c r="E3023" i="1"/>
  <c r="E3022" i="1"/>
  <c r="E3021" i="1"/>
  <c r="E3020" i="1"/>
  <c r="E3019" i="1"/>
  <c r="E3018" i="1"/>
  <c r="E3017" i="1"/>
  <c r="E3016" i="1"/>
  <c r="E3015" i="1"/>
  <c r="E3014" i="1"/>
  <c r="E3013" i="1"/>
  <c r="E3012" i="1"/>
  <c r="E3011" i="1"/>
  <c r="E3010" i="1"/>
  <c r="E3009" i="1"/>
  <c r="E3008" i="1"/>
  <c r="E3007" i="1"/>
  <c r="E3006" i="1"/>
  <c r="E3005" i="1"/>
  <c r="E3004" i="1"/>
  <c r="E3002" i="1"/>
  <c r="E3001" i="1"/>
  <c r="E3000" i="1"/>
  <c r="E2999" i="1"/>
  <c r="E2998" i="1"/>
  <c r="E2997" i="1"/>
  <c r="E2996" i="1"/>
  <c r="E2995" i="1"/>
  <c r="E2994" i="1"/>
  <c r="E2993" i="1"/>
  <c r="E2992" i="1"/>
  <c r="E2991" i="1"/>
  <c r="E2990" i="1"/>
  <c r="E2989" i="1"/>
  <c r="E2988" i="1"/>
  <c r="E2987" i="1"/>
  <c r="E2986" i="1"/>
  <c r="E2985" i="1"/>
  <c r="E2984" i="1"/>
  <c r="E2983" i="1"/>
  <c r="E2717" i="1"/>
  <c r="E63" i="1"/>
  <c r="E62" i="1"/>
  <c r="E61" i="1"/>
  <c r="E60" i="1"/>
  <c r="E59" i="1"/>
  <c r="E58" i="1"/>
  <c r="E57" i="1"/>
  <c r="E56" i="1"/>
  <c r="E55" i="1"/>
  <c r="E54" i="1"/>
  <c r="E53" i="1"/>
  <c r="E52" i="1"/>
  <c r="E50" i="1"/>
  <c r="E49" i="1"/>
  <c r="E48" i="1"/>
  <c r="E47" i="1"/>
  <c r="E46" i="1"/>
  <c r="E45" i="1"/>
  <c r="E44" i="1"/>
  <c r="E43" i="1"/>
  <c r="E42" i="1"/>
  <c r="E41" i="1"/>
  <c r="E40" i="1"/>
  <c r="E39" i="1"/>
  <c r="E38" i="1"/>
  <c r="E37" i="1"/>
  <c r="E36" i="1"/>
  <c r="E35" i="1"/>
  <c r="E34" i="1"/>
  <c r="E33" i="1"/>
  <c r="E32" i="1"/>
  <c r="E31" i="1"/>
  <c r="E30" i="1"/>
  <c r="E29" i="1"/>
  <c r="E28" i="1"/>
  <c r="E27" i="1"/>
  <c r="E26" i="1"/>
  <c r="E24" i="1"/>
  <c r="E23" i="1"/>
  <c r="E22" i="1"/>
  <c r="E21" i="1"/>
  <c r="E20" i="1"/>
  <c r="E19" i="1"/>
  <c r="E18" i="1"/>
  <c r="E17" i="1"/>
  <c r="E16" i="1"/>
  <c r="E15" i="1"/>
  <c r="E14" i="1"/>
  <c r="E13" i="1"/>
  <c r="E11" i="1"/>
  <c r="E10" i="1"/>
  <c r="E9" i="1"/>
  <c r="E8" i="1"/>
  <c r="E7" i="1"/>
</calcChain>
</file>

<file path=xl/sharedStrings.xml><?xml version="1.0" encoding="utf-8"?>
<sst xmlns="http://schemas.openxmlformats.org/spreadsheetml/2006/main" count="9108" uniqueCount="5559">
  <si>
    <t>SAP Employee Lookup for iPhone</t>
  </si>
  <si>
    <t>SAP BusinessObjects Text Analysis, analysis server, localization for simplified Chinese</t>
  </si>
  <si>
    <t>mobile applications on project "Gateway"</t>
  </si>
  <si>
    <t>JAVA Development</t>
  </si>
  <si>
    <t>SAP BusinessObjects Text Analysis, analysis server, localization for Italian</t>
  </si>
  <si>
    <t>Bradmark Surveillance DB</t>
  </si>
  <si>
    <t>HCM Payroll India</t>
  </si>
  <si>
    <t>SAP Sales Diary for iPad</t>
  </si>
  <si>
    <t>SAP Project Cockpit mobile app</t>
  </si>
  <si>
    <t>SAP Funding Management</t>
  </si>
  <si>
    <t>Adaptive Computing Controller</t>
  </si>
  <si>
    <t>Duet Enterprise, feature pack</t>
  </si>
  <si>
    <t>NW ABAP User Authentication</t>
  </si>
  <si>
    <t>SAP Fiori for SAP HANA Live for SAP Business Suite foundation component</t>
  </si>
  <si>
    <t>SAP workspaces</t>
  </si>
  <si>
    <t>SAP Financial Services Network</t>
  </si>
  <si>
    <t>SAP Workforce Management</t>
  </si>
  <si>
    <t>electronic ledger management for Turkey</t>
  </si>
  <si>
    <t>FUZZY! Bank Data for Germany</t>
  </si>
  <si>
    <t>SAP In-Store Product Lookup for iPhone</t>
  </si>
  <si>
    <t>SAP BusinessObjects geocoding for Estonia by TomTom</t>
  </si>
  <si>
    <t>SAP AR Warehouse Picker for Android</t>
  </si>
  <si>
    <t>Approve Leave Requests</t>
  </si>
  <si>
    <t>SAP On-Shelf Availability for Store Managers for iPad</t>
  </si>
  <si>
    <t>PORTAL Knowledge Management and Collaboration</t>
  </si>
  <si>
    <t>SAP General Ledger Migration</t>
  </si>
  <si>
    <t>SAP BusinessObjects Text Analysis, extract server</t>
  </si>
  <si>
    <t>SAP BusinessObjects Roambi publishing client for SAP BusinessObjects XI 3.1</t>
  </si>
  <si>
    <t>SAP Fiori transactional apps for SAP ERP</t>
  </si>
  <si>
    <t>SAP BusinessObjects Mobile for Android</t>
  </si>
  <si>
    <t>FUZZY! Address Management Browser</t>
  </si>
  <si>
    <t>SAP CRM Sales for Android</t>
  </si>
  <si>
    <t>HCM Time Management</t>
  </si>
  <si>
    <t>SAP 3D Visual Enterprise</t>
  </si>
  <si>
    <t>SAP BusinessObjects Text Analysis, analysis server, localization for Russian</t>
  </si>
  <si>
    <t>SAP ERP HCM, localization for Spain public sector</t>
  </si>
  <si>
    <t>SAP Convergent Mediation by DigitalRoute</t>
  </si>
  <si>
    <t>BusinessObjects Text Analysis, LinguistX platform SDK, localization for Slovakian</t>
  </si>
  <si>
    <t>UI Business Server Pages (BSP)</t>
  </si>
  <si>
    <t>ADVIZOR solutions for Business Objects</t>
  </si>
  <si>
    <t>IT Management</t>
  </si>
  <si>
    <t>SAP HANA Live for Manufacturing</t>
  </si>
  <si>
    <t>Change Sales Orders</t>
  </si>
  <si>
    <t>SAP Hybris Cloud for Customer mobile app</t>
  </si>
  <si>
    <t>Approve Requests</t>
  </si>
  <si>
    <t>SAP BusinessObjects Mobile</t>
  </si>
  <si>
    <t>SAP BusinessObjects Lumira, server version for SAP HANA</t>
  </si>
  <si>
    <t>Professional Services</t>
  </si>
  <si>
    <t>SAP Fiori for SAP Extended Warehouse Management</t>
  </si>
  <si>
    <t>SD Sales</t>
  </si>
  <si>
    <t>SAP Extended Diagnostics by CA</t>
  </si>
  <si>
    <t>SAP Document Presentment by OpenText, add-on for business correspondence</t>
  </si>
  <si>
    <t>add-on for vehicle stock management with SAP CRM</t>
  </si>
  <si>
    <t>SAP Jam for Android</t>
  </si>
  <si>
    <t>PORTAL Application Integration</t>
  </si>
  <si>
    <t>SAP S/4HANA Finance</t>
  </si>
  <si>
    <t>SAP Business Designer by Software AG</t>
  </si>
  <si>
    <t>SAP Extended Warehouse Management for Fashion</t>
  </si>
  <si>
    <t>SAP Signature Management by DocuSign</t>
  </si>
  <si>
    <t>SAP Military Data Exchange</t>
  </si>
  <si>
    <t>SAP address directory for France</t>
  </si>
  <si>
    <t>SAP BusinessObjects Postalsoft International Address Correction and Encoding</t>
  </si>
  <si>
    <t>SAP Social Contact Intelligence</t>
  </si>
  <si>
    <t>SAP Workplaces for Insurance</t>
  </si>
  <si>
    <t>Open PS for Microsoft Project</t>
  </si>
  <si>
    <t>SAP Fiori apps for travel management in SAP ERP</t>
  </si>
  <si>
    <t>BusinessObjects Text Analysis, Summarizer SDK, localization for German</t>
  </si>
  <si>
    <t>HCM Employee Self-Service</t>
  </si>
  <si>
    <t>BusinessObjects Text Analysis, categorizer workbench, localization for German</t>
  </si>
  <si>
    <t>SAP BusinessObjects Financial Consolidation starter kit for IFRS</t>
  </si>
  <si>
    <t>process and data-exchange framework for utilities</t>
  </si>
  <si>
    <t>Sybase PowerDesigner software</t>
  </si>
  <si>
    <t>SAP BusinessObjects Text Analysis, extract server, localization for Romanian</t>
  </si>
  <si>
    <t>SAP Upstream Operations Management</t>
  </si>
  <si>
    <t>SAP Business One, version for SAP HANA</t>
  </si>
  <si>
    <t>My Runway for Android</t>
  </si>
  <si>
    <t>SAP HANA Vora</t>
  </si>
  <si>
    <t>Windows Server</t>
  </si>
  <si>
    <t>SAP enhancement package for SAP ERP, version for SAP HANA</t>
  </si>
  <si>
    <t>SAP BusinessObjects centroid-level geocoding for the U.S. for TomTom</t>
  </si>
  <si>
    <t>SAP EHS Regulatory Content, health and safety package for Russia</t>
  </si>
  <si>
    <t>Care Circles</t>
  </si>
  <si>
    <t>Android</t>
  </si>
  <si>
    <t>SAP BusinessObjects Assets Rapid Mart for PeopleSoft</t>
  </si>
  <si>
    <t>Sybase ECRTP</t>
  </si>
  <si>
    <t>Enterprise Technology</t>
  </si>
  <si>
    <t>Approve Travel Expenses</t>
  </si>
  <si>
    <t>SAP Overall Equipment Effectiveness Management</t>
  </si>
  <si>
    <t>SAP Store Management by GK</t>
  </si>
  <si>
    <t>SAP Business One SDK</t>
  </si>
  <si>
    <t>SAP Upstream Operations Performance Analysis</t>
  </si>
  <si>
    <t>SAP Clinical Task Tracker</t>
  </si>
  <si>
    <t>SAP Travel Receipt Capture for Android</t>
  </si>
  <si>
    <t>SAP Extended Diagnostics by CA Wily</t>
  </si>
  <si>
    <t>SAP Point-of-Sale</t>
  </si>
  <si>
    <t>In-Memory Technology</t>
  </si>
  <si>
    <t>IBM DB2 for i</t>
  </si>
  <si>
    <t>SAP BusinessObjects Explorer</t>
  </si>
  <si>
    <t>SAP Material Availability for iPhone</t>
  </si>
  <si>
    <t>SAP GRC Access Approver for iPhone</t>
  </si>
  <si>
    <t>SAP Select</t>
  </si>
  <si>
    <t>SAP address directory, monthly version for Lacslink</t>
  </si>
  <si>
    <t>SAP BusinessObjects Knowledge Accelerator, version for Interactive Viewing</t>
  </si>
  <si>
    <t>SAP Demand Management</t>
  </si>
  <si>
    <t>SAP Mobile Time and Travel for SAP NetWeaver Mobile</t>
  </si>
  <si>
    <t>SAP Web IDE plug-ins</t>
  </si>
  <si>
    <t>SAP EHS Regulatory Content package for APJ</t>
  </si>
  <si>
    <t>Ariba Network Integration for SAP Business Suite</t>
  </si>
  <si>
    <t>SAP BusinessObjects Text Analysis, analysis server, localization for Portuguese</t>
  </si>
  <si>
    <t>SAP Business One, version for Central &amp; Eastern Europe</t>
  </si>
  <si>
    <t>SAP Enterprise Portal, enterprise workspaces</t>
  </si>
  <si>
    <t>SAP Landed Cost Analysis</t>
  </si>
  <si>
    <t>BW (SAP Business Warehouse)</t>
  </si>
  <si>
    <t>SAP MaxDB</t>
  </si>
  <si>
    <t>SAP Health Engagement</t>
  </si>
  <si>
    <t>SAP Product Lifecycle Management for Insurance</t>
  </si>
  <si>
    <t>SAP Acrobat Connect Professional</t>
  </si>
  <si>
    <t>SAP Business One Sales for iOS</t>
  </si>
  <si>
    <t>SAP Scouting for college sports</t>
  </si>
  <si>
    <t>SAP Invoice Management by OpenText for SAP S/4HANA</t>
  </si>
  <si>
    <t>SAP Fiori for SAP S/4HANA Finance</t>
  </si>
  <si>
    <t>SAP Sales Pipeline Simulator for Windows tablets</t>
  </si>
  <si>
    <t>Wholesale Distribution</t>
  </si>
  <si>
    <t>NW ABAP Business Address Service</t>
  </si>
  <si>
    <t>SAP Margin Analysis by Vendavo</t>
  </si>
  <si>
    <t>SAP ERP Order Status</t>
  </si>
  <si>
    <t>SAP Public Sector Collection and Disbursement</t>
  </si>
  <si>
    <t>SAP R/3 add-on for public sector</t>
  </si>
  <si>
    <t>SAP Utilities Customer Engagement</t>
  </si>
  <si>
    <t>SAP BusinessObjects Roambi Flow for iOS, co-branded version</t>
  </si>
  <si>
    <t>Check Price and Availability</t>
  </si>
  <si>
    <t>application function library SDK for SAP HANA</t>
  </si>
  <si>
    <t>SAP HANA Cloud Integration tools</t>
  </si>
  <si>
    <t>CRM Service</t>
  </si>
  <si>
    <t>SAP Work Manager by Syclo</t>
  </si>
  <si>
    <t>SAP Connector to eBAgent</t>
  </si>
  <si>
    <t>SAP BusinessObjects Integration, version for ESRI GIS software</t>
  </si>
  <si>
    <t>SAP Collections Insight for iPhone</t>
  </si>
  <si>
    <t>SAP Sales Order Notification</t>
  </si>
  <si>
    <t>SAP BusinessObjects Knowledge Accelerator for performance management</t>
  </si>
  <si>
    <t>Approve Timesheets</t>
  </si>
  <si>
    <t>Xcelsius Workgroup N-tier</t>
  </si>
  <si>
    <t>Sybase M-Business Anywhere</t>
  </si>
  <si>
    <t>accelerated application delivery</t>
  </si>
  <si>
    <t>CRM Sales</t>
  </si>
  <si>
    <t>SAP Business Publisher by Software AG</t>
  </si>
  <si>
    <t>operational banking extension for Commonwealth Bank of Australia</t>
  </si>
  <si>
    <t>Sybase HIPAA</t>
  </si>
  <si>
    <t>SAP Customer Financial Fact Sheet for Windows tablets</t>
  </si>
  <si>
    <t>SAP Knowledge Acceleration, version for cross-application time sheet</t>
  </si>
  <si>
    <t>SAP Label and Poster Printing by GK</t>
  </si>
  <si>
    <t>SAP Utilities Issue Reporter</t>
  </si>
  <si>
    <t>multiresource scheduling (up to 6.1)</t>
  </si>
  <si>
    <t>SAP GRC Access Enforcer for SAP NetWeaver</t>
  </si>
  <si>
    <t>SAP Employee Lookup</t>
  </si>
  <si>
    <t>SAP Business Information Warehouse</t>
  </si>
  <si>
    <t>BusinessObjects Text Analysis, categorizer workbench, localization for simplified Chinese</t>
  </si>
  <si>
    <t>SAP Fiori</t>
  </si>
  <si>
    <t>SAP BusinessObjects Text Analysis, extract server, localization for Thai</t>
  </si>
  <si>
    <t>Open PS for Microsoft</t>
  </si>
  <si>
    <t>SAP Timesheet for BlackBerry</t>
  </si>
  <si>
    <t>EPM Add-In for Excel</t>
  </si>
  <si>
    <t>SAP IT Infrastructure Management</t>
  </si>
  <si>
    <t>SAP Organizational Visualization by Nakisa</t>
  </si>
  <si>
    <t>SAP Travel Expense Report for BlackBerry</t>
  </si>
  <si>
    <t>HCM Manager Self-Service</t>
  </si>
  <si>
    <t>SAP Travel Receipts Management by OpenText, option for OCR</t>
  </si>
  <si>
    <t>SAP Dynamic Edge Processing</t>
  </si>
  <si>
    <t>SAP Asset Retirement Obligation Management</t>
  </si>
  <si>
    <t>SAP 3D Visual Enterprise Generator</t>
  </si>
  <si>
    <t>Retail</t>
  </si>
  <si>
    <t>SAP EMR Unwired for Android</t>
  </si>
  <si>
    <t>SAP BusinessObjects Intercompany</t>
  </si>
  <si>
    <t>core add-on for SAP Workforce Management</t>
  </si>
  <si>
    <t>NW ABAP User Administration and Authorization</t>
  </si>
  <si>
    <t>SAP BusinessObjects Text Analysis, extract server, localization for simplified Chinese</t>
  </si>
  <si>
    <t>SAP Consolidated Payables Link for U.S. Bank</t>
  </si>
  <si>
    <t>SAP Rural Sourcing Management, cloud edition</t>
  </si>
  <si>
    <t>SAP Postalsoft Global Match</t>
  </si>
  <si>
    <t>SAP Offline Mobile Store by GK</t>
  </si>
  <si>
    <t>SAP Employee File Management by OpenText</t>
  </si>
  <si>
    <t>SAP Working Capital Analytics</t>
  </si>
  <si>
    <t>SAP BusinessObjects Planning and Consolidation for Public Sector</t>
  </si>
  <si>
    <t>SAP d-kom</t>
  </si>
  <si>
    <t>SAP POS Services</t>
  </si>
  <si>
    <t>SAP Portal Site Management By OpenText</t>
  </si>
  <si>
    <t>SAP Dealer Business Management</t>
  </si>
  <si>
    <t>SAP EHS Regulatory Content package for global inventories</t>
  </si>
  <si>
    <t>SAP Player Fitness for iOS</t>
  </si>
  <si>
    <t>SAP BusinessObjects Data Visualization, Star Tree SDK for ActiveX</t>
  </si>
  <si>
    <t>BusinessObjects Edge integration for SAP solutions</t>
  </si>
  <si>
    <t>SAP HANA Live for SAP S/4HANA Finance</t>
  </si>
  <si>
    <t>BusinessObjects Personal Trainer</t>
  </si>
  <si>
    <t>Finance</t>
  </si>
  <si>
    <t>SAP EHS Safety Issue for iPhone</t>
  </si>
  <si>
    <t>SAP PLM interface to NX</t>
  </si>
  <si>
    <t>SAP Omnichannel Banking, digital retail option</t>
  </si>
  <si>
    <t>SAP Bulk Fuel Management</t>
  </si>
  <si>
    <t>SAP PLM interface to Solid Edge</t>
  </si>
  <si>
    <t>PLM Quality Management (QM)</t>
  </si>
  <si>
    <t>BusinessObjects Text Analysis, ThingFinder SDK, localization for Slovakian</t>
  </si>
  <si>
    <t>SAP address directory for Estonia</t>
  </si>
  <si>
    <t>SAP HANA Live for SAP ERP</t>
  </si>
  <si>
    <t>BusinessObjects Text Analysis, Summarizer SDK, localization for Finnish</t>
  </si>
  <si>
    <t>HCM Payroll Portugal</t>
  </si>
  <si>
    <t>BusinessObjects Text Analysis, LinguistX platform SDK, localization for Bokmal</t>
  </si>
  <si>
    <t>SAP Supply Network Collaboration</t>
  </si>
  <si>
    <t>SAP Customer Energy Management</t>
  </si>
  <si>
    <t>SAP BusinessObjects Roambi Analytics for Windows, cross-platform version</t>
  </si>
  <si>
    <t>SAP Open Server solution</t>
  </si>
  <si>
    <t>SAP BusinessObjects Explorer package</t>
  </si>
  <si>
    <t>Analytics</t>
  </si>
  <si>
    <t>BusinessObjects Planning</t>
  </si>
  <si>
    <t>SAP Inventory Manager by Syclo</t>
  </si>
  <si>
    <t>SAP BusinessObjects Roambi Analytics for iOS, co-branded version</t>
  </si>
  <si>
    <t>SAP Content Management for Microsoft SharePoint by OpenText</t>
  </si>
  <si>
    <t>SAP BusinessObjects Predictive Workbench by IBM</t>
  </si>
  <si>
    <t>Sybase Mobile Sales for SAP CRM</t>
  </si>
  <si>
    <t>SAP Transport Tendering for iPhone</t>
  </si>
  <si>
    <t>SAP BusinessObjects Text Analysis, extract server, localization for Greek</t>
  </si>
  <si>
    <t>SAP HANA, add-on for accelerated inbox search for SAP CRM interaction center</t>
  </si>
  <si>
    <t>Human Resources</t>
  </si>
  <si>
    <t>FUZZY! Post Data for Sweden</t>
  </si>
  <si>
    <t>BusinessObjects Text Analysis, Summarizer SDK, localization for Arabic</t>
  </si>
  <si>
    <t>SAP Rural Sourcing Management, desktop edition</t>
  </si>
  <si>
    <t>Red Hat Enterprise Linux</t>
  </si>
  <si>
    <t>SAP Business Objects Planning and Consolidation, starter kit for IFRS on the Microsoft platform</t>
  </si>
  <si>
    <t>Xcelsius Standard N-tier</t>
  </si>
  <si>
    <t>BusinessObjects Text Analysis, ThingFinder SDK, localization for Japanese</t>
  </si>
  <si>
    <t>SAP ERP mobile services for utility companies, localization for CEE</t>
  </si>
  <si>
    <t>BI rapid-configuration package for SAP HANA</t>
  </si>
  <si>
    <t>SAP Patient Management, add-on for localization</t>
  </si>
  <si>
    <t>SAP BusinessObjects Experience</t>
  </si>
  <si>
    <t>SAP General Ledger Rapid Mart for JD Edwards</t>
  </si>
  <si>
    <t>BusinessObjects Text Analysis, ThingFinder SDK, localization for Turkish</t>
  </si>
  <si>
    <t>SAP Knowledge Acceleration, version for SAP: Accounts Receivable</t>
  </si>
  <si>
    <t>SAP Energy Data Management</t>
  </si>
  <si>
    <t>SAP BusinessObjects geocoding for Austria for TomTom</t>
  </si>
  <si>
    <t>BusinessObjects Text Analysis, ThingFinder SDK, localization for Czech</t>
  </si>
  <si>
    <t>BusinessObjects Text Analysis, ThingFinder SDK, localization for French</t>
  </si>
  <si>
    <t>SAP Enterprise Demand Sensing</t>
  </si>
  <si>
    <t>SAP GRC Policy Survey mobile app</t>
  </si>
  <si>
    <t>CRM Pricing and Configuration</t>
  </si>
  <si>
    <t>FUZZY! Post Data for France</t>
  </si>
  <si>
    <t>SAP Ganges mobile app</t>
  </si>
  <si>
    <t>SAP Fiori for SAP Portfolio and Project Management</t>
  </si>
  <si>
    <t>SAP Financial Closing cockpit</t>
  </si>
  <si>
    <t>SAP BusinessObjects Knowledge Accelerator, version for SAP BusinessObjects Analysis</t>
  </si>
  <si>
    <t>SAP address directory for Finland</t>
  </si>
  <si>
    <t>SAP Business One, version for Asia Pacific Japan</t>
  </si>
  <si>
    <t>SAP Job Progress Monitor for Android</t>
  </si>
  <si>
    <t>SAP Sales Diary</t>
  </si>
  <si>
    <t>SAP Knowledge Acceleration, version for SAP ERP HCM</t>
  </si>
  <si>
    <t>BusinessObjects Text Analysis, LinguistX platform SDK, localization for Korean</t>
  </si>
  <si>
    <t>RWD Info Pak OmniHelp</t>
  </si>
  <si>
    <t>SAP BusinessObjects Watchlist Security</t>
  </si>
  <si>
    <t>NW TREX Search and Classification</t>
  </si>
  <si>
    <t>SAP HANA Live for Commodity Management</t>
  </si>
  <si>
    <t>SAP BusinessObjects Assets Rapid Mart for Oracle</t>
  </si>
  <si>
    <t>Bradmark Surveillance OS for SAP software</t>
  </si>
  <si>
    <t>SAP River</t>
  </si>
  <si>
    <t>SAP EEG Billing for German Energy Feed</t>
  </si>
  <si>
    <t>BusinessObjects Text Analysis, categorizer workbench, localization for Dutch</t>
  </si>
  <si>
    <t>Software Product</t>
  </si>
  <si>
    <t>BusinessObjects Text Analysis, categorizer workbench, localization for Italian</t>
  </si>
  <si>
    <t>asset management for oil and gas</t>
  </si>
  <si>
    <t>SAP Timesheet</t>
  </si>
  <si>
    <t>SAP Commercial Project Management</t>
  </si>
  <si>
    <t>HCM Payroll Mexico</t>
  </si>
  <si>
    <t>SAP SuccessFactors Employee Central integration to SAP Business Suite</t>
  </si>
  <si>
    <t>SAP NetWeaver Adaptive Computing Controller</t>
  </si>
  <si>
    <t>SAP Strategic Enterprise Management, add-on for financial SASAC reporting for China by Pansoft</t>
  </si>
  <si>
    <t>SAP Engineering Control Center interface to AutoCAD</t>
  </si>
  <si>
    <t>SAP CRM on-demand solution</t>
  </si>
  <si>
    <t>SAP BusinessObjects geocoding for Australia (parcel point) by NAVTEQ</t>
  </si>
  <si>
    <t>SAP HANA Cloud Platform, mobile service for development and operations</t>
  </si>
  <si>
    <t>SAP Supplier Relationship Management for SAP ERP</t>
  </si>
  <si>
    <t>BusinessObjects Text Analysis, ThingFinder SDK, localization for German</t>
  </si>
  <si>
    <t>SAP AR Warehouse Picker</t>
  </si>
  <si>
    <t>SAP Customer and Contacts</t>
  </si>
  <si>
    <t>SAP BusinessObjects Text Analysis, extract server, localization for Croatian</t>
  </si>
  <si>
    <t>Supply Chain</t>
  </si>
  <si>
    <t>My Spend</t>
  </si>
  <si>
    <t>SAP BusinessObjects Integration for Baan software</t>
  </si>
  <si>
    <t>SAP Agile Data Preparation, on-premise edition</t>
  </si>
  <si>
    <t>SAP R/3 Enterprise add-on for oil and gas</t>
  </si>
  <si>
    <t>SAP Sales Manager</t>
  </si>
  <si>
    <t>SAP Business One, version for EMEA and the Americas</t>
  </si>
  <si>
    <t>SAP geographical address directory, monthly version for TomTom</t>
  </si>
  <si>
    <t>SAP Sales Manager integration with SAP ERP</t>
  </si>
  <si>
    <t>SAP Classified Advertising Management</t>
  </si>
  <si>
    <t>NW ABAP Gateway (OData)</t>
  </si>
  <si>
    <t>BusinessObjects Text Analysis, LinguistX platform SDK, localization for Italian</t>
  </si>
  <si>
    <t>SAP NetWeaver Master Data Management, global data synchronization option</t>
  </si>
  <si>
    <t>SAP BusinessObjects Planning and Consolidation for Public Sector, option for SAP NetWeaver</t>
  </si>
  <si>
    <t>SAP Knowledge Acceleration, version for SAP ERP: Management Accounting</t>
  </si>
  <si>
    <t>SAP Loans Management</t>
  </si>
  <si>
    <t>Business Trends</t>
  </si>
  <si>
    <t>SAP Communication Center by ANCILE</t>
  </si>
  <si>
    <t>SAP PLM interface to ProE</t>
  </si>
  <si>
    <t>SAP Fiori for SAP EHS Management</t>
  </si>
  <si>
    <t>SAP Integrated Exploration and Production</t>
  </si>
  <si>
    <t>SAP BusinessObjects Mobile for iPhone and iPad SDK</t>
  </si>
  <si>
    <t>SAP Utilities Customer Engagement, cloud edition</t>
  </si>
  <si>
    <t>SAP Operational Headcount Planning rapid-deployment solution</t>
  </si>
  <si>
    <t>SAP HANA Live tools</t>
  </si>
  <si>
    <t>SAP CRM Sales integration with SAP ERP</t>
  </si>
  <si>
    <t>SAP Omnichannel Banking</t>
  </si>
  <si>
    <t>SAP Process Integration, business-to-business add-on</t>
  </si>
  <si>
    <t>SAP Data Integrator</t>
  </si>
  <si>
    <t>SAP BusinessObjects BI Location Intelligence by Galigeo</t>
  </si>
  <si>
    <t>SAP BusinessObjects geocoding for Sweden by TomTom</t>
  </si>
  <si>
    <t>Sybase Replication Server, real-time loading edition</t>
  </si>
  <si>
    <t>Ariba Network</t>
  </si>
  <si>
    <t>locomotive management</t>
  </si>
  <si>
    <t>SAP ERP, localization for Russia for public sector accounting</t>
  </si>
  <si>
    <t>SAP Bank Analyzer</t>
  </si>
  <si>
    <t>SAP address directory for Greece</t>
  </si>
  <si>
    <t>SAP Mobile Secure, partner edition</t>
  </si>
  <si>
    <t>electronic services invoicing for Brazil (nota fiscal de servicos eletronica)</t>
  </si>
  <si>
    <t>SAP Customer Financial Fact Sheet for Windows phones</t>
  </si>
  <si>
    <t>SAP Sanctioned-Party List</t>
  </si>
  <si>
    <t>SAP Commissions Check</t>
  </si>
  <si>
    <t>SAP Digital Consumer Insight</t>
  </si>
  <si>
    <t>SAP Manager Insight for Windows tablets</t>
  </si>
  <si>
    <t>accelerated application delivery for SAP NetWeaver</t>
  </si>
  <si>
    <t>BW Operational Data Provisioning (ODP)</t>
  </si>
  <si>
    <t>SAP Business ByDesign client for E-Bilanz</t>
  </si>
  <si>
    <t>SAP BusinessObjects Knowledge Accelerator, version for SAP BusinessObjects Dashboards</t>
  </si>
  <si>
    <t>SAP Customer Relationship Management</t>
  </si>
  <si>
    <t>SAP BusinessObjects Composer</t>
  </si>
  <si>
    <t>SAP BusinessObjects Roambi Analytics for Google Chrome</t>
  </si>
  <si>
    <t>SAP Retail Store Ops</t>
  </si>
  <si>
    <t>SAP Authenticator for iOS</t>
  </si>
  <si>
    <t>SAP ERP for Business All-in-One, manufacturing edition access kit</t>
  </si>
  <si>
    <t>SAP BusinessObjects Predictive Analytics integrator</t>
  </si>
  <si>
    <t>SAP BusinessObjects Planning and Consolidation</t>
  </si>
  <si>
    <t>SAP Fiori for SAP HANA Live for SAP ERP</t>
  </si>
  <si>
    <t>SAP Replication Server, real-time loading edition</t>
  </si>
  <si>
    <t>SAP Big Data Margin Assurance</t>
  </si>
  <si>
    <t>SAP Digital CRM</t>
  </si>
  <si>
    <t>SAP E-Recruiting, localization for France</t>
  </si>
  <si>
    <t>Sybase SDK</t>
  </si>
  <si>
    <t>SAP Field Service</t>
  </si>
  <si>
    <t>SAP Talent Visualization by Nakisa, viewing option</t>
  </si>
  <si>
    <t>SAP TDMS Manager for iOS</t>
  </si>
  <si>
    <t>Cloud</t>
  </si>
  <si>
    <t>SAP Operational Process Intelligence</t>
  </si>
  <si>
    <t>SAP CRM Sales for iOS</t>
  </si>
  <si>
    <t>SAP Leave Request for BlackBerry</t>
  </si>
  <si>
    <t>NW ABAP Remote Function Call (RFC)</t>
  </si>
  <si>
    <t>SAP BusinessObjects Business Intelligence platform</t>
  </si>
  <si>
    <t>SAP BusinessObjects Lumira Cloud</t>
  </si>
  <si>
    <t>SAP EHS Regulatory Content expert rules for substance and mixture classification for EMEA</t>
  </si>
  <si>
    <t>SAP Knowledge Acceleration, version for SAP CRM: Sales</t>
  </si>
  <si>
    <t>SAP Smart Meter Analytics</t>
  </si>
  <si>
    <t>SAP Agile Data Preparation</t>
  </si>
  <si>
    <t>Crystal Analysis Holos</t>
  </si>
  <si>
    <t>SAP Intelligent Notification 365</t>
  </si>
  <si>
    <t>Crystal Reports for Bordland</t>
  </si>
  <si>
    <t>SAP Mobile Direct Store Delivery</t>
  </si>
  <si>
    <t>SAP Purchasing Rapid Mart</t>
  </si>
  <si>
    <t>SAP Interview Assistant for iPad</t>
  </si>
  <si>
    <t>Microsoft SQL Server</t>
  </si>
  <si>
    <t>SAP address directory for South Korea</t>
  </si>
  <si>
    <t>SAP Inventory Rapid Mart</t>
  </si>
  <si>
    <t>SAP Talent Visualization by Nakisa</t>
  </si>
  <si>
    <t>Oracle Linux</t>
  </si>
  <si>
    <t>SAP Tax Classification and Reporting</t>
  </si>
  <si>
    <t>SAP Consumer Insight 365</t>
  </si>
  <si>
    <t>SAP EHS Regulatory Content expert rules for substance and mixture classification for the Americas</t>
  </si>
  <si>
    <t>SAP Crystal Reports viewer</t>
  </si>
  <si>
    <t>SAP 3D Visual Enterprise Viewer for Android</t>
  </si>
  <si>
    <t>SAP address directory for Brazil</t>
  </si>
  <si>
    <t>NW ABAP Print and Output Management</t>
  </si>
  <si>
    <t>SAP BusinessObjects Lumira, server version for teams</t>
  </si>
  <si>
    <t>BusinessObjects Text Analysis, ThingFinder SDK, localization for Dutch</t>
  </si>
  <si>
    <t>High Tech</t>
  </si>
  <si>
    <t>SAP BusinessObjects Roambi Customs</t>
  </si>
  <si>
    <t>logging of RFC and Web services</t>
  </si>
  <si>
    <t>SAP Tutor</t>
  </si>
  <si>
    <t>SAP EHS Regulatory Content global package</t>
  </si>
  <si>
    <t>SAP Enterprise Store, next generation</t>
  </si>
  <si>
    <t>SAP Info Pak by RWD</t>
  </si>
  <si>
    <t>SAP Hybris Cloud for Customer</t>
  </si>
  <si>
    <t>SAP EPM Unwired for iPad</t>
  </si>
  <si>
    <t>SAP BusinessObjects Mobile for Android SDK</t>
  </si>
  <si>
    <t>SAP Customer Loyalty for iOS</t>
  </si>
  <si>
    <t>SAP HR Rapid Mart for Oracle</t>
  </si>
  <si>
    <t>Business Networks</t>
  </si>
  <si>
    <t>SAP R/3 add-on for consumer products</t>
  </si>
  <si>
    <t>BusinessObjects Text Analysis, Summarizer SDK, localization for simplified Chinese</t>
  </si>
  <si>
    <t>Data Management</t>
  </si>
  <si>
    <t>SAP Incentive and Commission Management for Insurance</t>
  </si>
  <si>
    <t>SAP Customer Loyalty</t>
  </si>
  <si>
    <t>SAP Incentive Administration by Vistex and SAP Paybacks and Chargebacks by Vistex</t>
  </si>
  <si>
    <t>SAP Configure, Price, and Quote for solution sales configuration</t>
  </si>
  <si>
    <t>My Leave Requests</t>
  </si>
  <si>
    <t>SAP Mobile Platform SDK</t>
  </si>
  <si>
    <t>SAP Hybris Customer Insight for iPad</t>
  </si>
  <si>
    <t>PLM Variant Configuration</t>
  </si>
  <si>
    <t>SAP Postalsoft Desktop Mailer</t>
  </si>
  <si>
    <t>SAP address directory for Slovakia</t>
  </si>
  <si>
    <t>SAP Work Manager for TRIRIGA</t>
  </si>
  <si>
    <t>BusinessObjects Text Analysis, categorizer workbench, localization for Czech</t>
  </si>
  <si>
    <t>SAP Sybase PowerAMC</t>
  </si>
  <si>
    <t>SCM APO Integration (CIF)</t>
  </si>
  <si>
    <t>SAP Deduction Management Component</t>
  </si>
  <si>
    <t>Choai route management, localization for Japan</t>
  </si>
  <si>
    <t>SAP BusinessObjects Data Quality Management cleansing packages</t>
  </si>
  <si>
    <t>Oil and Gas</t>
  </si>
  <si>
    <t>BusinessObjects Text Analysis, categorizer workbench</t>
  </si>
  <si>
    <t>SAP Learning Assistant</t>
  </si>
  <si>
    <t>FUZZY! Post Data for the Netherlands</t>
  </si>
  <si>
    <t>SAP Hybris Commerce, localization for China</t>
  </si>
  <si>
    <t>SAP Customer Business Planning</t>
  </si>
  <si>
    <t>Appeon for PowerBuilder</t>
  </si>
  <si>
    <t>BusinessObjects Text Analysis, ThingFinder SDK, localization for Nynorsk</t>
  </si>
  <si>
    <t>SAP BusinessObjects Integration, version for for JD Edwards EnterpriseOne applications</t>
  </si>
  <si>
    <t>HCM Payroll</t>
  </si>
  <si>
    <t>BusinessObjects Text Analysis, ThingFinder SDK, localization for Thai</t>
  </si>
  <si>
    <t>SAP Cross Channel Order Management for Retail</t>
  </si>
  <si>
    <t>SAP Adaptive Server Enterprise</t>
  </si>
  <si>
    <t>SAP Media Sales and Advertising</t>
  </si>
  <si>
    <t>SAP Customer Activity Repository, retail applications bundle</t>
  </si>
  <si>
    <t>SAP Extended Warehouse Management</t>
  </si>
  <si>
    <t>SAP Engineering Control Center interface to EPLAN</t>
  </si>
  <si>
    <t>SAP Replication Server, option for Microsoft SQL Server</t>
  </si>
  <si>
    <t>BusinessObjects Text Analysis, LinguistX platform SDK, localization for Polish</t>
  </si>
  <si>
    <t>SAP Executive HR Reporting rapid-deployment solution</t>
  </si>
  <si>
    <t>e-billing for joint venture accounting</t>
  </si>
  <si>
    <t>SAP Easy Document Management</t>
  </si>
  <si>
    <t>SAP Engineering Control Center interface to SolidWorks</t>
  </si>
  <si>
    <t>Syclo SMART Work Manager for TRIRIGA</t>
  </si>
  <si>
    <t>SAP Business ByDesign Dashboards for iPad</t>
  </si>
  <si>
    <t>FUZZY! Umzug Data</t>
  </si>
  <si>
    <t>BusinessObjects Text Analysis, categorizer workbench, localization for Spanish</t>
  </si>
  <si>
    <t>SAP On-Shelf Availability</t>
  </si>
  <si>
    <t>SAP NetWeaver</t>
  </si>
  <si>
    <t>SAP PLM interface</t>
  </si>
  <si>
    <t>landscape verification for SAP Solution Manager</t>
  </si>
  <si>
    <t>length extension for general ledger accounting</t>
  </si>
  <si>
    <t>SAP POS Data Management</t>
  </si>
  <si>
    <t>TechniData Environmental Performance Management</t>
  </si>
  <si>
    <t>Engineering, Construction and Operations</t>
  </si>
  <si>
    <t>commerce reporting add-on for SAP Mobile Platform, consumer edition</t>
  </si>
  <si>
    <t>SAP BusinessObjects Business Intelligence</t>
  </si>
  <si>
    <t>FIN Accounts Receivable and Payable</t>
  </si>
  <si>
    <t>SAP Networked Logistics Hub</t>
  </si>
  <si>
    <t>sailing analytics mobile app for iOS</t>
  </si>
  <si>
    <t>CRM Mobile Sales and Service</t>
  </si>
  <si>
    <t>SAP Sales Manager, add-on for integration with Agentry</t>
  </si>
  <si>
    <t>SAP Information Steward Accelerator by BackOffice Associates</t>
  </si>
  <si>
    <t>Sports and Entertainment</t>
  </si>
  <si>
    <t>SAP BusinessObjects geocoding for the Netherlands by TomTom</t>
  </si>
  <si>
    <t>SAP HR Rapid Mart</t>
  </si>
  <si>
    <t>SAP PowerBuilder</t>
  </si>
  <si>
    <t>PLM Project System (PS)</t>
  </si>
  <si>
    <t>SAP BusinessObjects Business Intelligence, Edge edition, version with data integration</t>
  </si>
  <si>
    <t>SAP Health Link for Android</t>
  </si>
  <si>
    <t>My Travel Requests</t>
  </si>
  <si>
    <t>SAP Mobile Documents, server edition</t>
  </si>
  <si>
    <t>SAP R/3 add-on for banking</t>
  </si>
  <si>
    <t>SAP Transport Notification and Status for Android</t>
  </si>
  <si>
    <t>SAP BusinessObjects Strategy Management for iPad</t>
  </si>
  <si>
    <t>FIN Financial Supply Chain Management</t>
  </si>
  <si>
    <t>SAP Retail Execution for Android</t>
  </si>
  <si>
    <t>SAP HANA Live for EHP 7 for SAP ERP</t>
  </si>
  <si>
    <t>SAP CRM Service Manager for Android</t>
  </si>
  <si>
    <t>SAP Work Manager for Windows Mobile</t>
  </si>
  <si>
    <t>SAP address directory for Denmark</t>
  </si>
  <si>
    <t>SAP Food Service Inventory Manager</t>
  </si>
  <si>
    <t>SAP Cloud Applications Studio</t>
  </si>
  <si>
    <t>SAP Advanced Track and Trace for Pharmaceuticals</t>
  </si>
  <si>
    <t>SAP Forecasting and Replenishment for Retail, add-on for fresh product forecasting</t>
  </si>
  <si>
    <t>integration framework for small and midsize enterprises</t>
  </si>
  <si>
    <t>SAP Field Service integration with SAP ERP</t>
  </si>
  <si>
    <t>SAP Sailing Analytics</t>
  </si>
  <si>
    <t>SAP Apparel and Footwear</t>
  </si>
  <si>
    <t>Enterprise Services Repository for SAP NetWeaver Composition Environment</t>
  </si>
  <si>
    <t>BusinessObjects Knowledge Accelerator, version for BusinessObjects Live Office</t>
  </si>
  <si>
    <t>Spendwell, cloud edition</t>
  </si>
  <si>
    <t>SAP Master Data Services, on-premise edition</t>
  </si>
  <si>
    <t>SAP Cloud for Travel and Expense integration</t>
  </si>
  <si>
    <t>SAP Crystal Interactive Analysis</t>
  </si>
  <si>
    <t>SAP BusinessObjects Lumira, server version for the SAP BusinessObjects BI platform</t>
  </si>
  <si>
    <t>SAP PowerAMC</t>
  </si>
  <si>
    <t>SAP Fiori for SAP hybris Marketing</t>
  </si>
  <si>
    <t>SAP BusinessObjects Text Analysis, extract server, localization for Korean</t>
  </si>
  <si>
    <t>SAP BusinessObjects Projects Rapid Mart for Oracle</t>
  </si>
  <si>
    <t>SAP HANA Live for EHP 4 for SAP ERP</t>
  </si>
  <si>
    <t>SAP Inventory Rapid Mart for Oracle</t>
  </si>
  <si>
    <t>SAP IT Change Approval</t>
  </si>
  <si>
    <t>SAP BusinessObjects geocoding for United Kingdom by NAVTEQ</t>
  </si>
  <si>
    <t>SAP HANA Live for Utilities, edition for SAP CRM</t>
  </si>
  <si>
    <t>SAP Work Manager for TRIRIGA for Windows Mobile</t>
  </si>
  <si>
    <t>SAP Enterprise Store</t>
  </si>
  <si>
    <t>SAP Gateway for Microsoft</t>
  </si>
  <si>
    <t>SAP Global Trade Services, localization extensions</t>
  </si>
  <si>
    <t>SAP Advanced Planning and Optimization, demand planning add-in for Microsoft Excel</t>
  </si>
  <si>
    <t>SAP Workforce Performance Builder, navigator option</t>
  </si>
  <si>
    <t>SAP Information Steward</t>
  </si>
  <si>
    <t>Hortonworks Data Platform for SAP Software</t>
  </si>
  <si>
    <t>SAP Fiori Client for Android</t>
  </si>
  <si>
    <t>SAP Smart Business for SAP solutions for GRC</t>
  </si>
  <si>
    <t>SAP Event Management</t>
  </si>
  <si>
    <t>SAP Treasury and Risk Management</t>
  </si>
  <si>
    <t>Duet Enterprise, feature pack for adapter</t>
  </si>
  <si>
    <t>SAP Job Progress Monitor</t>
  </si>
  <si>
    <t>SAP Energy Demand-Side Management for Utilities</t>
  </si>
  <si>
    <t>SAP Travel Receipt Capture for BlackBerry</t>
  </si>
  <si>
    <t>SAP Sales Manager for Android</t>
  </si>
  <si>
    <t>SAP Forecasting and Replenishment for Retail (for use with SAP merchandising software)</t>
  </si>
  <si>
    <t>SAP address directory for Latvia</t>
  </si>
  <si>
    <t>SAP Knowledge Acceleration, version for SAP CRM: Service</t>
  </si>
  <si>
    <t>BILT for Android</t>
  </si>
  <si>
    <t>SAP Knowledge Acceleration, version for user tips and tricks</t>
  </si>
  <si>
    <t>IBM enterprise content management bundle for SAP</t>
  </si>
  <si>
    <t>SAP Match Insights</t>
  </si>
  <si>
    <t>My Timesheet</t>
  </si>
  <si>
    <t>SAP Gateway</t>
  </si>
  <si>
    <t>SAP Tempo Box by OpenText, premium edition</t>
  </si>
  <si>
    <t>SAP Citizen Connect for iPhone</t>
  </si>
  <si>
    <t>SD (Sales and Distribution)</t>
  </si>
  <si>
    <t>SAP BusinessObjects geocoding for the Czech Republic by TomTom</t>
  </si>
  <si>
    <t>SAP Interview Assistant for Windows tablets</t>
  </si>
  <si>
    <t>HCM Payroll Germany</t>
  </si>
  <si>
    <t>SAP R/3 Enterprise add-on for information lifecycle management</t>
  </si>
  <si>
    <t>SAP Student Lifecycle Management</t>
  </si>
  <si>
    <t>SAP Event Ticketing, on-premise edition</t>
  </si>
  <si>
    <t>SAP Engineering Control Center</t>
  </si>
  <si>
    <t>SAP EMR Unwired for Windows</t>
  </si>
  <si>
    <t>SAP Circular Authority for Insurance</t>
  </si>
  <si>
    <t>Agentry</t>
  </si>
  <si>
    <t>SAP Rapid Marts</t>
  </si>
  <si>
    <t>advanced simulation for supply network planning</t>
  </si>
  <si>
    <t>SAP HANA smart data streaming</t>
  </si>
  <si>
    <t>SAP Mobile Defense &amp; Security</t>
  </si>
  <si>
    <t>SAP Fieldglass Time Entry for Android</t>
  </si>
  <si>
    <t>SAP ERP, localization extensions by EPAM for Republic of Belarus</t>
  </si>
  <si>
    <t>SAP ERP add-on for oil and gas, localization for China</t>
  </si>
  <si>
    <t>SAP Event Ticketing</t>
  </si>
  <si>
    <t>SAP Risk Management</t>
  </si>
  <si>
    <t>ABAP Extensibility</t>
  </si>
  <si>
    <t>SAP System Monitoring for Android</t>
  </si>
  <si>
    <t>Consumer Products</t>
  </si>
  <si>
    <t>remote support component</t>
  </si>
  <si>
    <t>SAP HANA Live for SAP SCM</t>
  </si>
  <si>
    <t>manager self-services add-on</t>
  </si>
  <si>
    <t>SAP Business Package</t>
  </si>
  <si>
    <t>SAP Collections Insight for Android</t>
  </si>
  <si>
    <t>SAP BusinessObjects Knowledge Accelerator, version for InfoView</t>
  </si>
  <si>
    <t>SAP ERP client for E-Bilanz</t>
  </si>
  <si>
    <t>Healthcare</t>
  </si>
  <si>
    <t>FUZZY! Post Data for Portugal</t>
  </si>
  <si>
    <t>SAP address directory for Italy</t>
  </si>
  <si>
    <t>SAP Omnichannel Banking, mobile money option</t>
  </si>
  <si>
    <t>SAP Learning Assistant for Windows tablets</t>
  </si>
  <si>
    <t>SAP Extended Enterprise Content Management by OpenText</t>
  </si>
  <si>
    <t>SAP Fiori for SAP ERP HCM</t>
  </si>
  <si>
    <t>SAP Access Control</t>
  </si>
  <si>
    <t>SAP Decision Service Management</t>
  </si>
  <si>
    <t>Virtualization</t>
  </si>
  <si>
    <t>SAP Identity Analytics</t>
  </si>
  <si>
    <t>SAP BusinessObjects Planning for Public Sector</t>
  </si>
  <si>
    <t>SAP BusinessObjects Planning and Consolidation for Healthcare</t>
  </si>
  <si>
    <t>SAP HANA Live for Transportation Management</t>
  </si>
  <si>
    <t>SAP Fiori for SAP Event Management</t>
  </si>
  <si>
    <t>remote connector to SAP HANA for SAP Smart Business, executive edition</t>
  </si>
  <si>
    <t>SAP BW/4HANA</t>
  </si>
  <si>
    <t>Approve Purchase Requisitions</t>
  </si>
  <si>
    <t>SAP Crystal Server</t>
  </si>
  <si>
    <t>SAP Energy Portfolio Management</t>
  </si>
  <si>
    <t>SAP enhancement package for SAP SCM, version for SAP HANA</t>
  </si>
  <si>
    <t>SAP CRM Service Manager for Windows tablets</t>
  </si>
  <si>
    <t>SAP HANA remote data sync</t>
  </si>
  <si>
    <t>HCM Payroll Italy</t>
  </si>
  <si>
    <t>FUZZY! Post Data for German Streetcode</t>
  </si>
  <si>
    <t>SAP HANA Live for Extended Warehouse Management</t>
  </si>
  <si>
    <t>SAP Smart Business for event management</t>
  </si>
  <si>
    <t>portal development kit for Microsoft .NET</t>
  </si>
  <si>
    <t>SAP Strategic Enterprise Management</t>
  </si>
  <si>
    <t>SAP BusinessObjects Knowledge Accelerator, version for the SAP BusinessObjects BI platform</t>
  </si>
  <si>
    <t>SAP Product and Quotation Management for Insurance</t>
  </si>
  <si>
    <t>SAP Transactionware General Merchandise</t>
  </si>
  <si>
    <t>SAP Anywhere for Android</t>
  </si>
  <si>
    <t>FUZZY! Post</t>
  </si>
  <si>
    <t>SAP Predictive Maintenance and Service, technical foundation</t>
  </si>
  <si>
    <t>Insurance Accounting</t>
  </si>
  <si>
    <t>SAP IT Process Automation by Cisco</t>
  </si>
  <si>
    <t>SAP Data Quality Management, version for Informatica PowerCenter</t>
  </si>
  <si>
    <t>SAP Hybris Cloud for Customer integration with SAP S/4HANA</t>
  </si>
  <si>
    <t>SAP Hybris Merchandising</t>
  </si>
  <si>
    <t>SAP IT Change Approval for iOS</t>
  </si>
  <si>
    <t>SAP BusinessObjects geocoding for United States by NAVTEQ</t>
  </si>
  <si>
    <t>SAP Workforce Deployment for Retail and Wholesale Distribution</t>
  </si>
  <si>
    <t>SAP Test Data Migration Server</t>
  </si>
  <si>
    <t>BusinessObjects Text Analysis, categorizer workbench, localization for French</t>
  </si>
  <si>
    <t>BusinessObjects Text Analysis, ThingFinder SDK, localization for Farsi</t>
  </si>
  <si>
    <t>SAP BusinessObjects Productivity Pack</t>
  </si>
  <si>
    <t>Operating System</t>
  </si>
  <si>
    <t>SAP BusinessObjects Postal File Preparation</t>
  </si>
  <si>
    <t>BusinessObjects Text Analysis, ThingFinder developer workbench</t>
  </si>
  <si>
    <t>SAP Cloud for Travel and Expense for iPad</t>
  </si>
  <si>
    <t>SAP Device Management for IoT by Telit</t>
  </si>
  <si>
    <t>SAP Customer and Contacts for iPhone</t>
  </si>
  <si>
    <t>SAP Business Package for CIDX</t>
  </si>
  <si>
    <t>SAP Afaria</t>
  </si>
  <si>
    <t>sailing analytics, cloud edition</t>
  </si>
  <si>
    <t>SAP Landscape Transformation</t>
  </si>
  <si>
    <t>SAP IT Incident Management</t>
  </si>
  <si>
    <t>SAP Event Stream Processor, adapter for NYSE technologies MAMA interface</t>
  </si>
  <si>
    <t>SAP Knowledge Acceleration, version for SAP ERP: Sales Order Processing</t>
  </si>
  <si>
    <t>automated store allocation</t>
  </si>
  <si>
    <t>BusinessObjects Text Analysis, ThingFinder SDK, localization for Italian</t>
  </si>
  <si>
    <t>NW Java Security and User Management</t>
  </si>
  <si>
    <t>SAP Test Data Migration Server, extension for HCM</t>
  </si>
  <si>
    <t>SAP Mobile Sales, handheld version for SAP NetWeaver</t>
  </si>
  <si>
    <t>SAP PLM interface to Inventor</t>
  </si>
  <si>
    <t>mobile app builder add-on for SAP Mobile Platform, consumer edition</t>
  </si>
  <si>
    <t>SAP AR Warehouse Picker, QR code generator add-on</t>
  </si>
  <si>
    <t>SAP GRC Firefighter for SAP NetWeaver</t>
  </si>
  <si>
    <t>BusinessObjects Text Analysis, Summarizer SDK, localization for Slovakian</t>
  </si>
  <si>
    <t>SAP Business Warehouse Accelerator</t>
  </si>
  <si>
    <t>SAP Customer View for iPhone</t>
  </si>
  <si>
    <t>BusinessObjects Text Analysis, categorizer workbench, localization for Portuguese</t>
  </si>
  <si>
    <t>BW SAP BEx Analyzer</t>
  </si>
  <si>
    <t>SAP Cloud Appliance Library</t>
  </si>
  <si>
    <t>SAP Management of Change</t>
  </si>
  <si>
    <t>BusinessObjects Text Analysis, categorizer workbench, localization for Swedish</t>
  </si>
  <si>
    <t>SAP EAM and service mobile app SDK</t>
  </si>
  <si>
    <t>SAP HANA Live for Event Management and Transportation Management cross-analytics</t>
  </si>
  <si>
    <t>SAP ERP add-on for retail</t>
  </si>
  <si>
    <t>SAP Process Objects Builder</t>
  </si>
  <si>
    <t>SAP Business Connector</t>
  </si>
  <si>
    <t>FUZZY! Bank Data for Austria</t>
  </si>
  <si>
    <t>SAP Replication Server, option for IBM DB2</t>
  </si>
  <si>
    <t>SAP Retail Execution</t>
  </si>
  <si>
    <t>SAP Customer Briefing for Android</t>
  </si>
  <si>
    <t>Regulatory Reporting by iBS</t>
  </si>
  <si>
    <t>Sustainability</t>
  </si>
  <si>
    <t>SAP Mobile Documents for iOS</t>
  </si>
  <si>
    <t>SAP Application Interface Framework</t>
  </si>
  <si>
    <t>SAP Financial Statement Insights</t>
  </si>
  <si>
    <t>BusinessObjects Architect</t>
  </si>
  <si>
    <t>SAP IT Incident Management for Android</t>
  </si>
  <si>
    <t>SAP BusinessObjects Design Studio</t>
  </si>
  <si>
    <t>SAP xApp Cost and Quotation Management</t>
  </si>
  <si>
    <t>freight cost extension</t>
  </si>
  <si>
    <t>SAP Sales Companion</t>
  </si>
  <si>
    <t>SAP Cloud for Financials</t>
  </si>
  <si>
    <t>SAP Direct Store Delivery mobile app</t>
  </si>
  <si>
    <t>SAP Auditor for Maximo</t>
  </si>
  <si>
    <t>UI add-on for SAP NetWeaver</t>
  </si>
  <si>
    <t>SAP User Experience Monitor for Android</t>
  </si>
  <si>
    <t>Oracle Solaris</t>
  </si>
  <si>
    <t>SAP Deposits Management, localization for Russia</t>
  </si>
  <si>
    <t>BusinessObjects Text Analysis, categorizer workbench, localization for Korean</t>
  </si>
  <si>
    <t>BusinessObjects Text Analysis, LinguistX platform SDK, localization for Russian</t>
  </si>
  <si>
    <t>SAP Test Acceleration and Optimization</t>
  </si>
  <si>
    <t>SAP Sales Rapid Mart</t>
  </si>
  <si>
    <t>SAP Retail Execution for iOS</t>
  </si>
  <si>
    <t>Adobe Marketing Solutions from SAP</t>
  </si>
  <si>
    <t>SAP BusinessObjects Disclosure Management, XBRL reporting add-ons</t>
  </si>
  <si>
    <t>BusinessObjects Text Analysis, ThingFinder SDK, localization for English</t>
  </si>
  <si>
    <t>SAP Rural Sourcing Management for Android</t>
  </si>
  <si>
    <t>SAP BusinessObjects Text Analysis, extract server, localization for Russian</t>
  </si>
  <si>
    <t>SAP Mentors</t>
  </si>
  <si>
    <t>SAP Mobile Secure</t>
  </si>
  <si>
    <t>SAP Tempo Box by OpenText</t>
  </si>
  <si>
    <t>Sybase EC Gateway</t>
  </si>
  <si>
    <t>enterprise agent for SAP StreamWork</t>
  </si>
  <si>
    <t>SAP Advanced Planning and Optimization</t>
  </si>
  <si>
    <t>SAP Visual Information for Plants by NRX</t>
  </si>
  <si>
    <t>SAP Regulation Management by Greenlight</t>
  </si>
  <si>
    <t>BusinessObjects Text Analysis, Summarizer SDK, localization for Japanese</t>
  </si>
  <si>
    <t>SAP Crystal Reports</t>
  </si>
  <si>
    <t>SAP Clinical Task Tracker for Android</t>
  </si>
  <si>
    <t>HTML5</t>
  </si>
  <si>
    <t>SAP Underwriting for Insurance</t>
  </si>
  <si>
    <t>SAP Supply Chain Response Management by icon-scm</t>
  </si>
  <si>
    <t>SAP Replication Server</t>
  </si>
  <si>
    <t>BusinessObjects Warehouse</t>
  </si>
  <si>
    <t>SAP EEG Billing for German Electricity Feed</t>
  </si>
  <si>
    <t>Business Objects Intelligence Manager</t>
  </si>
  <si>
    <t>Design Thinking</t>
  </si>
  <si>
    <t>SAP address directory, monthly version for Diversified</t>
  </si>
  <si>
    <t>iOS</t>
  </si>
  <si>
    <t>SAP SRM, add-on for bid security and expert bid evaluation</t>
  </si>
  <si>
    <t>integration add-on for SAP ERP HCM and SAP SuccessFactors HCM Suite</t>
  </si>
  <si>
    <t>SAP Employee File Management by OpenText, option for OCR</t>
  </si>
  <si>
    <t>Business Objects Business Miner</t>
  </si>
  <si>
    <t>SAP Access Approver</t>
  </si>
  <si>
    <t>SAP Web IDE, hybrid app toolkit add-on</t>
  </si>
  <si>
    <t>SAP assurance and compliance software</t>
  </si>
  <si>
    <t>CRM Interaction Center</t>
  </si>
  <si>
    <t>SAP NetWeaver Master Data Management for catalog management</t>
  </si>
  <si>
    <t>Spendwell for Android</t>
  </si>
  <si>
    <t>FUZZY! Post Data for Denmark</t>
  </si>
  <si>
    <t>SAP Sourcing OnDemand</t>
  </si>
  <si>
    <t>corporate payment connector for American Express</t>
  </si>
  <si>
    <t>SAP Mobile Documents</t>
  </si>
  <si>
    <t>SAP Test Data Migration Server, extension for BI and CRM</t>
  </si>
  <si>
    <t>SAP Promotion Merchandising Layout</t>
  </si>
  <si>
    <t>SAP IP Rights Analysis</t>
  </si>
  <si>
    <t>SAP BusinessObjects geocoding for Liechtenstein by TomTom</t>
  </si>
  <si>
    <t>SAP Physical Security Management by AlertEnterprise</t>
  </si>
  <si>
    <t>TwoGo by SAP mobile app</t>
  </si>
  <si>
    <t>SAP Data Quality Management, version for Oracle's Siebel CRM</t>
  </si>
  <si>
    <t>SAP Fiori principal apps for SAP SRM</t>
  </si>
  <si>
    <t>NW AS Java Administrator (NWA)</t>
  </si>
  <si>
    <t>SAP ERP, localization for CEE countries</t>
  </si>
  <si>
    <t>SAP BusinessObjects Financial Information Management</t>
  </si>
  <si>
    <t>SAP BusinessObjects Knowledge Accelerator, version for BusinessObjects Dashboard Builder</t>
  </si>
  <si>
    <t>SAP InfiniteInsight</t>
  </si>
  <si>
    <t>BusinessObjects Text Analysis, Summarizer SDK, localization for traditional Chinese</t>
  </si>
  <si>
    <t>NW Java Web Services</t>
  </si>
  <si>
    <t>intercompany data exchange for UK electric companies</t>
  </si>
  <si>
    <t>FUZZY! Post Data for Bulgaria</t>
  </si>
  <si>
    <t>SAP Extended Enterprise Content Management by OpenText for SAP S/4HANA</t>
  </si>
  <si>
    <t>SAP Direct Store Delivery for Windows Mobile</t>
  </si>
  <si>
    <t>SAP Federal Energy Regulatory Commission Reporting</t>
  </si>
  <si>
    <t>SAP Product Definition</t>
  </si>
  <si>
    <t>SAP Process Control, starter kit for financial reporting</t>
  </si>
  <si>
    <t>SAP Hybris Marketing</t>
  </si>
  <si>
    <t>Linux on z</t>
  </si>
  <si>
    <t>SAP Crystal Interactive Analysis, OEM edition</t>
  </si>
  <si>
    <t>SAP BusinessObjects geocoding for Italy by TomTom</t>
  </si>
  <si>
    <t>SAP PLM interface to MicroStation CD</t>
  </si>
  <si>
    <t>SAP Portal Content Management by OpenText</t>
  </si>
  <si>
    <t>HCM Payroll Spain</t>
  </si>
  <si>
    <t>SAP EHS Regulatory Content substance lists and reference data for the Americas</t>
  </si>
  <si>
    <t>SAP Supply Chain Info Center</t>
  </si>
  <si>
    <t>service taxation enhancements for Brazil</t>
  </si>
  <si>
    <t>SAP Defense MILSTRIP Purchasing</t>
  </si>
  <si>
    <t>SAP Condition Record Management by Vistex</t>
  </si>
  <si>
    <t>IBM DB2 for z/OS</t>
  </si>
  <si>
    <t>Track Shopping Carts</t>
  </si>
  <si>
    <t>extended functions for U.S. federal agencies</t>
  </si>
  <si>
    <t>SAP Data Quality Management, version for SAP solutions</t>
  </si>
  <si>
    <t>SAP Enterprise Portal</t>
  </si>
  <si>
    <t>SAP Event Stream Processor</t>
  </si>
  <si>
    <t>SAP Composition Environment</t>
  </si>
  <si>
    <t>SAP BusinessObjects Integration, version for PeopleSoft Enterprise applications</t>
  </si>
  <si>
    <t>SAP Readiness Assessment for Defense &amp; Security</t>
  </si>
  <si>
    <t>SAP Electronic Invoicing for Brazil (SAP Nota Fiscal Eletronica)</t>
  </si>
  <si>
    <t>SAP Business ByDesign, app store</t>
  </si>
  <si>
    <t>Implementation Methodologies</t>
  </si>
  <si>
    <t>Chemicals</t>
  </si>
  <si>
    <t>SAP BusinessObjects Explorer for iOS</t>
  </si>
  <si>
    <t>SAP Retail Execution integration with SAP ERP</t>
  </si>
  <si>
    <t>SAP Supply Chain Management</t>
  </si>
  <si>
    <t>SAP Bank Communication Management</t>
  </si>
  <si>
    <t>logging of SAP GUI for Windows UI</t>
  </si>
  <si>
    <t>SAP Equestrian Analytics</t>
  </si>
  <si>
    <t>overtake and undertake quantities billing for German energy utilities</t>
  </si>
  <si>
    <t>SAP Cost Center Rapid Mart</t>
  </si>
  <si>
    <t>FUZZY! Post Data for Lithuania</t>
  </si>
  <si>
    <t>SAP BusinessObjects Data Visualization, TableLens SDK for Java</t>
  </si>
  <si>
    <t>SAP HANA Live for Policy Management</t>
  </si>
  <si>
    <t>SAP SMS 365 Dashboard</t>
  </si>
  <si>
    <t>BusinessObjects Text Analysis, categorizer workbench, localization for Japanese</t>
  </si>
  <si>
    <t>Care Circles for iPad</t>
  </si>
  <si>
    <t>SAP CRM Sales for B2B for iOS</t>
  </si>
  <si>
    <t>Sybase Replication Server software</t>
  </si>
  <si>
    <t>SAP WorkDeck for Windows tablets</t>
  </si>
  <si>
    <t>SAP Utilities Customer Engagement for Android</t>
  </si>
  <si>
    <t>SAP Knowledge Acceleration, version for SAP Crystal Reports</t>
  </si>
  <si>
    <t>SAP HANA Live for Production Revenue Accounting</t>
  </si>
  <si>
    <t>SAP Metadata Management</t>
  </si>
  <si>
    <t>SAP Fiori for SAP HANA Live for SAP Advanced Planning and Optimization</t>
  </si>
  <si>
    <t>SAP Travel Expense Report for iPhone</t>
  </si>
  <si>
    <t>SAP Intelligent Notification 365, real-time push API</t>
  </si>
  <si>
    <t>SAP Fortify by HPE</t>
  </si>
  <si>
    <t>SAP Smart Business for SAP Global Trade Services</t>
  </si>
  <si>
    <t>SAP Hybris Cloud for Customer, Edge edition</t>
  </si>
  <si>
    <t>SAP Loans Management for Banking, Suite edition, localization for China</t>
  </si>
  <si>
    <t>FIN Controlling</t>
  </si>
  <si>
    <t>SAP Tax Intelligence and Management by All Tax</t>
  </si>
  <si>
    <t>SAP BusinessObjects Roambi Analytics for iOS, customer enterprise edition with Good Technology</t>
  </si>
  <si>
    <t>Desktop Connection for SAP CRM, enterprise edition</t>
  </si>
  <si>
    <t>SAP Electronic Medical Record</t>
  </si>
  <si>
    <t>SAP On-Shelf Availability for Store Associates for iPad</t>
  </si>
  <si>
    <t>SAP Material Availability</t>
  </si>
  <si>
    <t>Sybase MainframeConnect</t>
  </si>
  <si>
    <t>SAP BusinessObjects Business Intelligence, Edge edition, standard package</t>
  </si>
  <si>
    <t>FUZZY! Bank</t>
  </si>
  <si>
    <t>SAP Landscape Management</t>
  </si>
  <si>
    <t>SAP Contact Center, cloud edition</t>
  </si>
  <si>
    <t>SAP Work Manager for Windows Platform</t>
  </si>
  <si>
    <t>SAP Smart Business for SAP Advanced Planning and Optimization</t>
  </si>
  <si>
    <t>PORTAL Migration and Upgrade</t>
  </si>
  <si>
    <t>UI SAP Interactive Forms by Adobe</t>
  </si>
  <si>
    <t>SAP Engineering Control Center interface to ECAD</t>
  </si>
  <si>
    <t>SAP General Ledger Rapid Mart for Oracle</t>
  </si>
  <si>
    <t>BusinessObjects Text Analysis, LinguistX platform SDK, localization for Danish</t>
  </si>
  <si>
    <t>SAP BusinessObjects Text Analysis, extract server, localization for Bokmal</t>
  </si>
  <si>
    <t>SAP Smart Business for SAP Commodity Management</t>
  </si>
  <si>
    <t>SAP Smart Business, core data services version</t>
  </si>
  <si>
    <t>SAP Jam for iOS</t>
  </si>
  <si>
    <t>SAP Health Link for iOS</t>
  </si>
  <si>
    <t>SAP Business One, OEM edition</t>
  </si>
  <si>
    <t>BusinessObjects Text Analysis, ThingFinder SDK, localization for Croatian</t>
  </si>
  <si>
    <t>BusinessObjects Edge Planning</t>
  </si>
  <si>
    <t>ABAP Connectivity</t>
  </si>
  <si>
    <t>logging of Web Dynpro for ABAP</t>
  </si>
  <si>
    <t>NW Java Development Infrastructure (NWDI)</t>
  </si>
  <si>
    <t>Sybase Corporate Banking</t>
  </si>
  <si>
    <t>SAP Mobile App Protection by Mocana</t>
  </si>
  <si>
    <t>corporate payment connector</t>
  </si>
  <si>
    <t>Service</t>
  </si>
  <si>
    <t>SAP Liquidity Risk Manager for iPad</t>
  </si>
  <si>
    <t>BusinessObjects Text Analysis, LinguistX platform SDK, localization for English</t>
  </si>
  <si>
    <t>banking services from SAP, localization for Latin America</t>
  </si>
  <si>
    <t>SAP BusinessObjects Integration, version for Siebel software</t>
  </si>
  <si>
    <t>BusinessObjects Text Analysis, ThingFinder SDK, localization for Hebrew</t>
  </si>
  <si>
    <t>SAP Mobile Platform</t>
  </si>
  <si>
    <t>SAP Hybris Commerce integration with SAP CRM</t>
  </si>
  <si>
    <t>BusinessObjects Text Analysis, Summarizer SDK, localization for Farsi</t>
  </si>
  <si>
    <t>recycling administration</t>
  </si>
  <si>
    <t>SAP BusinessObjects Call Center Rapid Mart, version for Siebel applications</t>
  </si>
  <si>
    <t>SAP Web Channel Experience Management</t>
  </si>
  <si>
    <t>Intel Distribution for Apache Hadoop for SAP Software</t>
  </si>
  <si>
    <t>Node.js</t>
  </si>
  <si>
    <t>SAP Shopper Experience</t>
  </si>
  <si>
    <t>BusinessObjects Knowledge Accelerator, version for BusinessObjects Xcelsius</t>
  </si>
  <si>
    <t>SAP E-Commerce for SAP R/3</t>
  </si>
  <si>
    <t>FUZZY! Analyzer</t>
  </si>
  <si>
    <t>SAP Business One Web tool server</t>
  </si>
  <si>
    <t>search and classification engine (TREX) for SAP CRM</t>
  </si>
  <si>
    <t>SAP BusinessObjects Campaign Rapid Mart, version for Siebel applications</t>
  </si>
  <si>
    <t>SAP ERP add-on for financial accounting and operations</t>
  </si>
  <si>
    <t>SAP Supplier Relationship Management, localization for Israel</t>
  </si>
  <si>
    <t>SAP Process Performance Management by Software AG</t>
  </si>
  <si>
    <t>SAP Waste and Recycling solutions by PROLOGA</t>
  </si>
  <si>
    <t>SAP SuccessFactors Employee Central Payroll, third-party data integration tool</t>
  </si>
  <si>
    <t>SAP Sales and Operations Planning OnDemand</t>
  </si>
  <si>
    <t>SAP Payroll and Time Change Management</t>
  </si>
  <si>
    <t>SAP Digital Content Processing by OpenText for SAP S/4HANA</t>
  </si>
  <si>
    <t>BusinessObjects Text Analysis, categorizer workbench, localization for Farsi</t>
  </si>
  <si>
    <t>SAP Mobile App Framework</t>
  </si>
  <si>
    <t>SAP Postalsoft Desk Postal Code</t>
  </si>
  <si>
    <t>SAP Self-Service for Utilities</t>
  </si>
  <si>
    <t>SCM APO Supply Network Planning (SNP)</t>
  </si>
  <si>
    <t>SAP Business One integration for SAP NetWeaver</t>
  </si>
  <si>
    <t>SAP Utility Customer E-Services</t>
  </si>
  <si>
    <t>SAP Engineering Control Center for SAP S/4HANA</t>
  </si>
  <si>
    <t>SAP BusinessObjects Text Analysis, analysis server, localization for Czech</t>
  </si>
  <si>
    <t>SAP EHS Regulatory Content expert rules for substance and mixture classification for APJ</t>
  </si>
  <si>
    <t>BusinessObjects Text Analysis, LinguistX platform SDK, localization for Catalan</t>
  </si>
  <si>
    <t>SAP Complex Assembly Manufacturing for Aerospace and Defense</t>
  </si>
  <si>
    <t>SAP Trade Promotion Effectiveness Analysis</t>
  </si>
  <si>
    <t>SAP EHS Regulatory Content package for the Americas</t>
  </si>
  <si>
    <t>SAP Liquidity Risk Manager</t>
  </si>
  <si>
    <t>SD Billing</t>
  </si>
  <si>
    <t>SAP CRM Sales for BlackBerry</t>
  </si>
  <si>
    <t>SAP S-KOM</t>
  </si>
  <si>
    <t>Desktop Connection for SAP CRM</t>
  </si>
  <si>
    <t>SAP Portal Content Management By OpenText</t>
  </si>
  <si>
    <t>SAP Manager Approvals</t>
  </si>
  <si>
    <t>Approve Purchase Contracts</t>
  </si>
  <si>
    <t>Syclo SMART Work Manager for Energy Delivery for SAP</t>
  </si>
  <si>
    <t>Banking</t>
  </si>
  <si>
    <t>SAP Complex Assembly Manufacturing for Defense and Security</t>
  </si>
  <si>
    <t>Crystal Info</t>
  </si>
  <si>
    <t>banking services from SAP, localization for C.I.S.</t>
  </si>
  <si>
    <t>budget-based benefits selection</t>
  </si>
  <si>
    <t>SAP Collections Insight</t>
  </si>
  <si>
    <t>SAP Cart Approval for iPhone</t>
  </si>
  <si>
    <t>SAP Patient Management, localization for the United Kingdom</t>
  </si>
  <si>
    <t>SAP Revenue Accounting and Reporting, integration with sales and distribution</t>
  </si>
  <si>
    <t>SAP SMS 365</t>
  </si>
  <si>
    <t>SAP Business in Focus</t>
  </si>
  <si>
    <t>SAP address directory for Portugal</t>
  </si>
  <si>
    <t>SAP Business One analytics powered by SAP HANA</t>
  </si>
  <si>
    <t>FUZZY! Post Data for Austria</t>
  </si>
  <si>
    <t>Asset and Liability Management by SAP and Sungard</t>
  </si>
  <si>
    <t>SAP Promotion Management for Retail</t>
  </si>
  <si>
    <t>BusinessObjects Text Analysis, ThingFinder SDK, localization for Romanian</t>
  </si>
  <si>
    <t>SAP Promotion Management for Retail, add-on for SAP Customer Activity Repository</t>
  </si>
  <si>
    <t>SAP Financial Supply Chain Management</t>
  </si>
  <si>
    <t>NW Client/Server Technology (CST)</t>
  </si>
  <si>
    <t>SAP marketplace connector</t>
  </si>
  <si>
    <t>SAP InfoMaker</t>
  </si>
  <si>
    <t>SAP Business Banking for Android</t>
  </si>
  <si>
    <t>integration option for Microsoft Office SharePoint software</t>
  </si>
  <si>
    <t>SAP address directory for Sweden</t>
  </si>
  <si>
    <t>SAP EHS Regulatory Documentation OnDemand</t>
  </si>
  <si>
    <t>Big Data</t>
  </si>
  <si>
    <t>SAP Data Insight</t>
  </si>
  <si>
    <t>User Interface</t>
  </si>
  <si>
    <t>SAP Multichannel Foundation for Utilities and Public Sector</t>
  </si>
  <si>
    <t>field data capture for upstream allocations with SAP MII</t>
  </si>
  <si>
    <t>SAP BusinessObjects Text Analysis, extract server, localization for Czech</t>
  </si>
  <si>
    <t>SAP Fiori for SAP Fashion Management</t>
  </si>
  <si>
    <t>SAP ERP, public sector localization for China</t>
  </si>
  <si>
    <t>SAP Capital Markets Treasury by Calypso</t>
  </si>
  <si>
    <t>BW SAP BEx Web</t>
  </si>
  <si>
    <t>SAP Predictive Analysis</t>
  </si>
  <si>
    <t>Approve Shopping Carts</t>
  </si>
  <si>
    <t>SAP BusinessObjects Text Analysis, extract server, localization for Italian</t>
  </si>
  <si>
    <t>SAP S/4HANA</t>
  </si>
  <si>
    <t>SAP Process Integration</t>
  </si>
  <si>
    <t>SAP BusinessObjects Cost and Revenue Allocation for Financial Products</t>
  </si>
  <si>
    <t>SAP Enhanced Maintenance and Service Planning</t>
  </si>
  <si>
    <t>SAP Multiresource Scheduling with optimizer</t>
  </si>
  <si>
    <t>SAP BusinessObjects Roambi publishing client for JDBC</t>
  </si>
  <si>
    <t>SAP Business Research</t>
  </si>
  <si>
    <t>SAP R/3 add-on for high tech</t>
  </si>
  <si>
    <t>SAP Healthcare Practitioner Spend Analysis and Reporting</t>
  </si>
  <si>
    <t>PowerBuilder</t>
  </si>
  <si>
    <t>SAP BusinessObjects geocoding for Belgium by TomTom</t>
  </si>
  <si>
    <t>SAP Hybris Commerce, integration package for SAP for Retail</t>
  </si>
  <si>
    <t>SAP Retail Execution for mobile business object</t>
  </si>
  <si>
    <t>SAP Customer View for Android</t>
  </si>
  <si>
    <t>citizen registration</t>
  </si>
  <si>
    <t>SAP Approve All</t>
  </si>
  <si>
    <t>SAP Data Visualization</t>
  </si>
  <si>
    <t>SAP Readiness Assessment for Defense and Security</t>
  </si>
  <si>
    <t>SAP ERP Customer Order Entry for iPhone</t>
  </si>
  <si>
    <t>SAP BusinessObjects Text Analysis, extract server, localization for Polish</t>
  </si>
  <si>
    <t>SAP CRM Sales for iPad</t>
  </si>
  <si>
    <t>SAP R/3 Enterprise add-on for mining</t>
  </si>
  <si>
    <t>SAP Hybris Commerce, data hub</t>
  </si>
  <si>
    <t>SAP EAM Work Order</t>
  </si>
  <si>
    <t>SAP HANA Live for Retail</t>
  </si>
  <si>
    <t>SAP Text Analysis (for BusinessObjects Data Integrator)</t>
  </si>
  <si>
    <t>SAP Engineering Control Center interface to CATIA V5</t>
  </si>
  <si>
    <t>SAP BusinessObjects Planning and Consolidation, version for SAP NetWeaver</t>
  </si>
  <si>
    <t>FUZZY! Umzug</t>
  </si>
  <si>
    <t>SAP address directory for Norway</t>
  </si>
  <si>
    <t>SAP Work Manager for Maximo</t>
  </si>
  <si>
    <t>SAP Signature Management by DocuSign, add-on for SAP Hybris solutions</t>
  </si>
  <si>
    <t>FUZZY! Post Data for Italy</t>
  </si>
  <si>
    <t>intelligent traffic management</t>
  </si>
  <si>
    <t>SAP PLM interface to ProE e-desktop</t>
  </si>
  <si>
    <t>SAP Open Switch</t>
  </si>
  <si>
    <t>SAP Data Services</t>
  </si>
  <si>
    <t>total delivered cost analytics</t>
  </si>
  <si>
    <t>HCM Payroll Austria</t>
  </si>
  <si>
    <t>SAP Resource and Portfolio Management</t>
  </si>
  <si>
    <t>CRM Master Data</t>
  </si>
  <si>
    <t>BusinessObjects Text Analysis, Summarizer SDK, localization for Swedish</t>
  </si>
  <si>
    <t>SAP ERP Quality Issue for iPhone</t>
  </si>
  <si>
    <t>SAP IQ</t>
  </si>
  <si>
    <t>SAP Real-Time Offer Management</t>
  </si>
  <si>
    <t>Sybase Replication Server, heterogeneous edition</t>
  </si>
  <si>
    <t>SAP HR Approvals</t>
  </si>
  <si>
    <t>Software Product Function</t>
  </si>
  <si>
    <t>BusinessObjects Text Analysis, Summarizer SDK, localization for Portuguese</t>
  </si>
  <si>
    <t>SAP Connected Health platform</t>
  </si>
  <si>
    <t>field masking for Web Client UI</t>
  </si>
  <si>
    <t>SAP Translation Hub</t>
  </si>
  <si>
    <t>SAP Retail Store Ops Manager for iOS</t>
  </si>
  <si>
    <t>SAP BusinessObjects Text Analysis, extract server, localization for Slovakian</t>
  </si>
  <si>
    <t>SAP HANA Live for SAP Service Parts Planning</t>
  </si>
  <si>
    <t>SAP Hybris Customer Insight</t>
  </si>
  <si>
    <t>SAP BusinessObjects Data Visualization, VizServer component</t>
  </si>
  <si>
    <t>Approve Travel Requests</t>
  </si>
  <si>
    <t>Bradmark Surveillance</t>
  </si>
  <si>
    <t>My Runway for iOS</t>
  </si>
  <si>
    <t>SAP S/4HANA Cloud</t>
  </si>
  <si>
    <t>SAP Fiori for SAP S/4HANA</t>
  </si>
  <si>
    <t>SAP Smart Business foundation component</t>
  </si>
  <si>
    <t>SAP enhancement package for SAP CRM, version for SAP HANA</t>
  </si>
  <si>
    <t>SAP NetWeaver, add-on for collaboration portal</t>
  </si>
  <si>
    <t>SAP SMS Firewall 365</t>
  </si>
  <si>
    <t>SAP SuccessFactors Employee Central Payroll</t>
  </si>
  <si>
    <t>SAP EHS Regulatory Content substance lists and reference data for APJ</t>
  </si>
  <si>
    <t>SAP Postalsoft Label Studio</t>
  </si>
  <si>
    <t>SAP BusinessObjects Accelerator</t>
  </si>
  <si>
    <t>SAP Business ByDesign studio</t>
  </si>
  <si>
    <t>SAP Global Batch Traceability</t>
  </si>
  <si>
    <t>BusinessObjects Text Analysis, LinguistX platform SDK, localization for Hebrew</t>
  </si>
  <si>
    <t>SAP Complex Manufacturing Accelerator</t>
  </si>
  <si>
    <t>heavy equipment management</t>
  </si>
  <si>
    <t>TechniData Compliance for Products</t>
  </si>
  <si>
    <t>E-Care Plan Connect</t>
  </si>
  <si>
    <t>Syclo SMART Work Manager for SAP</t>
  </si>
  <si>
    <t>SAP Customer View</t>
  </si>
  <si>
    <t>SAP Assessment Management by Questionmark, on-premise edition</t>
  </si>
  <si>
    <t>SAP Production Planning Rapid Mart</t>
  </si>
  <si>
    <t>SAP Total Margin Management</t>
  </si>
  <si>
    <t>SAP Knowledge Acceleration, version for SAP CRM: Marketing</t>
  </si>
  <si>
    <t>SAP HANA Live for SAP GTS</t>
  </si>
  <si>
    <t>SAP R/3 mobile services for utility companies, localization for India</t>
  </si>
  <si>
    <t>SAP EHS Regulatory Content online viewer</t>
  </si>
  <si>
    <t>SAP BusinessObjects Text Analysis, analysis server, localization for Korean</t>
  </si>
  <si>
    <t>SAP Master Data Services</t>
  </si>
  <si>
    <t>SAP Price Optimization for Banking</t>
  </si>
  <si>
    <t>SAP HANA</t>
  </si>
  <si>
    <t>SAP Landscape Management, standard edition</t>
  </si>
  <si>
    <t>SAP Application Visualization by iRise</t>
  </si>
  <si>
    <t>SAP Health Link mobile app for Android</t>
  </si>
  <si>
    <t>SAP address directory for the United States</t>
  </si>
  <si>
    <t>SAP Fashion Management</t>
  </si>
  <si>
    <t>add-on for mobile integration with SAP CRM</t>
  </si>
  <si>
    <t>SAP Enterprise Risk and Solvency Management for Insurance</t>
  </si>
  <si>
    <t>SAP R/3 Enterprise</t>
  </si>
  <si>
    <t>SAP Funds Transfer Pricing</t>
  </si>
  <si>
    <t>activePDF for Business Objects</t>
  </si>
  <si>
    <t>BW Content and Extractors</t>
  </si>
  <si>
    <t>pre-determined pricing engine</t>
  </si>
  <si>
    <t>SAP Central Process Scheduling by Redwood</t>
  </si>
  <si>
    <t>SAP CRM Service Manager by Syclo</t>
  </si>
  <si>
    <t>SAP Fiori principal apps for SAP ERP</t>
  </si>
  <si>
    <t>SAP Condition-Based Maintenance</t>
  </si>
  <si>
    <t>OpTier</t>
  </si>
  <si>
    <t>OData</t>
  </si>
  <si>
    <t>Duet Enterprise, adapter</t>
  </si>
  <si>
    <t>SAP Open Server</t>
  </si>
  <si>
    <t>SAP BusinessObjects Roambi Analytics for iOS, Verizon customer edition</t>
  </si>
  <si>
    <t>R&amp;D/Engineering</t>
  </si>
  <si>
    <t>SAP BusinessObjects Project Systems Rapid Mart</t>
  </si>
  <si>
    <t>SAP BusinessObjects Roambi Enterprise Server</t>
  </si>
  <si>
    <t>RAP</t>
  </si>
  <si>
    <t>SAP BusinessObjects Planning and Consolidation, Edge edition, version for the Microsoft platform</t>
  </si>
  <si>
    <t>BusinessObjects Text Analysis, LinguistX platform SDK, localization for Serbian</t>
  </si>
  <si>
    <t>SAP Manufacturing Analytics</t>
  </si>
  <si>
    <t>SAP Configure, Price, and Quote</t>
  </si>
  <si>
    <t>SAP BusinessObjects Sales Rapid Mart for JD Edwards</t>
  </si>
  <si>
    <t>SAP EHS Regulatory Content marketability package</t>
  </si>
  <si>
    <t>SAP BusinessObjects Text Analysis, extract server, localization for Swedish</t>
  </si>
  <si>
    <t>SAP Jam</t>
  </si>
  <si>
    <t>SAP HANA Net Margin Analysis rapid-deployment solution</t>
  </si>
  <si>
    <t>SAP Sales Manager for iOS</t>
  </si>
  <si>
    <t>SAP Smart Business, component for KPI modeling</t>
  </si>
  <si>
    <t>SAP HR Approvals for Android</t>
  </si>
  <si>
    <t>SAP POS Store Data Transfer for Retail</t>
  </si>
  <si>
    <t>SAP Sybase Mainframe Connect</t>
  </si>
  <si>
    <t>SAP R/3 Enterprise add-on for media</t>
  </si>
  <si>
    <t>BusinessObjects Text Analysis, Summarizer SDK, localization for Croatian</t>
  </si>
  <si>
    <t>Syclo SMART Inventory Manager for SAP ERP</t>
  </si>
  <si>
    <t>SAP EHS Regulatory Content package for the Americas and APJ</t>
  </si>
  <si>
    <t>MM (Materials Management)</t>
  </si>
  <si>
    <t>SAP Business ByDesign mobile warehouse</t>
  </si>
  <si>
    <t>SAP BusinessObjects Roambi Analytics for Windows, co-branded version, cross-platform version</t>
  </si>
  <si>
    <t>SAP BusinessObjects geocoding for Denmark by TomTom</t>
  </si>
  <si>
    <t>My Runway</t>
  </si>
  <si>
    <t>process scheduling adapter for SAP Solution Manager</t>
  </si>
  <si>
    <t>SAP StreamWork, mobile version</t>
  </si>
  <si>
    <t>SAP HANA Info Access for iOS</t>
  </si>
  <si>
    <t>IoT SIM management for SAP HANA</t>
  </si>
  <si>
    <t>SAP Joint Venture Accounting</t>
  </si>
  <si>
    <t>SAP enhancement package for SAP Supplier Relationship Management</t>
  </si>
  <si>
    <t>SAP 3D Visual Enterprise Viewer</t>
  </si>
  <si>
    <t>online application submission management</t>
  </si>
  <si>
    <t>SAP Cart Approval for BlackBerry</t>
  </si>
  <si>
    <t>SAP Self-Service for Utilities for iOS</t>
  </si>
  <si>
    <t>SAP Citizen Connect</t>
  </si>
  <si>
    <t>SAP Cross-Channel Order Management for Retail</t>
  </si>
  <si>
    <t>SAP GRC Compliance Calibrator for SAP NetWeaver</t>
  </si>
  <si>
    <t>SAP Business One, version for SAP HANA, OEM edition</t>
  </si>
  <si>
    <t>SAP IT Operations Analytics</t>
  </si>
  <si>
    <t>SAP EHS Regulatory Content package for EMEA and the Americas</t>
  </si>
  <si>
    <t>SAP Fieldglass Time Entry</t>
  </si>
  <si>
    <t>SAP Receivables Manager for iPad</t>
  </si>
  <si>
    <t>FUZZY! Post Data for Hungary</t>
  </si>
  <si>
    <t>SAP Smart Business for SAP ERP</t>
  </si>
  <si>
    <t>SAP Sales Analysis for Retail</t>
  </si>
  <si>
    <t>SAP Staff Productivity Management for Healthcare</t>
  </si>
  <si>
    <t>SAP Workforce Scheduling and Optimization by ClickSoftware</t>
  </si>
  <si>
    <t>SAP Sales and Operations Planning</t>
  </si>
  <si>
    <t>BILT</t>
  </si>
  <si>
    <t>FIN (Finance)</t>
  </si>
  <si>
    <t>SAP GRC Policy Survey for BlackBerry PlayBook</t>
  </si>
  <si>
    <t>SAP BusinessObjects Enterprise, advanced administration package</t>
  </si>
  <si>
    <t>SAP Event Ticketing client tools</t>
  </si>
  <si>
    <t>NW ABAP SAPconnect</t>
  </si>
  <si>
    <t>SAP Policyholder Lookup</t>
  </si>
  <si>
    <t>UI Web Dynpro ABAP</t>
  </si>
  <si>
    <t>multiresource scheduling</t>
  </si>
  <si>
    <t>SAP address directories for Cyprus</t>
  </si>
  <si>
    <t>Social MeetUp by SAP application</t>
  </si>
  <si>
    <t>SAP BusinessObjects Text Analysis, extract server, localization for English</t>
  </si>
  <si>
    <t>BusinessObjects Text Analysis, LinguistX platform SDK, localization for traditional Chinese</t>
  </si>
  <si>
    <t>TSC Product Sustainability Toolkit for SAP Product Stewardship Network</t>
  </si>
  <si>
    <t>SAP Productivity Composer by ANCILE</t>
  </si>
  <si>
    <t>SAP Mobile Asset Management for utilities</t>
  </si>
  <si>
    <t>SAP Contact Center, on-premise edition</t>
  </si>
  <si>
    <t>SQL</t>
  </si>
  <si>
    <t>German gas solution</t>
  </si>
  <si>
    <t>SAP CRM, GWI client plug-in</t>
  </si>
  <si>
    <t>SAP Defense Command and Control by Systematic</t>
  </si>
  <si>
    <t>SAP Document Center App for Windows phones and tablets</t>
  </si>
  <si>
    <t>SAP Trade Promotion Optimization</t>
  </si>
  <si>
    <t>FUZZY! Post Data for Czech Republic</t>
  </si>
  <si>
    <t>BusinessObjects Business Miner</t>
  </si>
  <si>
    <t>BusinessObjects Text Analysis, ThingFinder SDK, localization for Russian</t>
  </si>
  <si>
    <t>SAP Environmental Compliance</t>
  </si>
  <si>
    <t>SAP BusinessObjects Budgeting and Planning for Public Sector</t>
  </si>
  <si>
    <t>SAP BusinessObjects geocoding for Luxembourg by TomTom</t>
  </si>
  <si>
    <t>Syclo SMART Sales Manager for SAP</t>
  </si>
  <si>
    <t>SAP address directory, monthly version for DPV</t>
  </si>
  <si>
    <t>Edge solutions, standard edition N-tier</t>
  </si>
  <si>
    <t>Event</t>
  </si>
  <si>
    <t>SAP Business One for iOS</t>
  </si>
  <si>
    <t>regulatory reporting for SAP object event repository</t>
  </si>
  <si>
    <t>SAP BusinessObjects Financial Consolidation</t>
  </si>
  <si>
    <t>SAP address directory for Japan</t>
  </si>
  <si>
    <t>SAP Knowledge Acceleration</t>
  </si>
  <si>
    <t>BusinessObjects Text Analysis, LinguistX platform SDK, localization for French</t>
  </si>
  <si>
    <t>spend report</t>
  </si>
  <si>
    <t>SAP Real Estate Broker for iPad</t>
  </si>
  <si>
    <t>remote support platform for SAP Business One</t>
  </si>
  <si>
    <t>Mining</t>
  </si>
  <si>
    <t>SAP Compliance Management for Sarbanes-Oxley</t>
  </si>
  <si>
    <t>BusinessObjects Text Analysis, LinguistX platform SDK, localization for Romanian</t>
  </si>
  <si>
    <t>SAP Real Estate Broker</t>
  </si>
  <si>
    <t>SAP Sybase RAP</t>
  </si>
  <si>
    <t>SAP BusinessObjects geocoding for Norway by TomTom</t>
  </si>
  <si>
    <t>HCM Talent Management</t>
  </si>
  <si>
    <t>SAP address directory for the United Kingdom</t>
  </si>
  <si>
    <t>SAP Business ByDesign Active Sales for iPad</t>
  </si>
  <si>
    <t>Syclo SMART Work Manager for Maximo</t>
  </si>
  <si>
    <t>SAP Predictive Maintenance and Service, on-premise edition</t>
  </si>
  <si>
    <t>BusinessObjects Text Analysis, categorizer workbench, localization for traditional Chinese</t>
  </si>
  <si>
    <t>SAP Forecasting and Replenishment for Retail (for use with other merchandising software)</t>
  </si>
  <si>
    <t>SAP Workforce Performance Builder, producer option</t>
  </si>
  <si>
    <t>SAP Billing Consolidation</t>
  </si>
  <si>
    <t>SAP Smart Business for SAP Event Management and SAP Transportation Management 9.3 cross-analytics</t>
  </si>
  <si>
    <t>SAP Travel Expense Report</t>
  </si>
  <si>
    <t>SAP BusinessObjects Roambi Analytics for iOS, customer enterprise edition</t>
  </si>
  <si>
    <t>SAP BusinessObjects Pipeline Rapid Mart, version for Siebel applications</t>
  </si>
  <si>
    <t>SAP SQL Anywhere</t>
  </si>
  <si>
    <t>supplier relationship management procurement for public sector</t>
  </si>
  <si>
    <t>SAP Knowledge Acceleration for SAP BusinessObjects Planning and Consolidation</t>
  </si>
  <si>
    <t>SAP address directory for Lithuania</t>
  </si>
  <si>
    <t>SAP Commercial Project Management for SAP S/4HANA</t>
  </si>
  <si>
    <t>FIN Consolidation</t>
  </si>
  <si>
    <t>SAP Smart Business, executive edition for SAP hybris Marketing</t>
  </si>
  <si>
    <t>FUZZY! BoykottCheck</t>
  </si>
  <si>
    <t>SAP BusinessObjects Integration, version for SAP BusinessObjects Predictive Workbench by IBM</t>
  </si>
  <si>
    <t>SAP Fraud Detection Calibrator for iPad</t>
  </si>
  <si>
    <t>SAP Claims Management Property and Casualty for Insurance</t>
  </si>
  <si>
    <t>SAP Manufacturing Execution</t>
  </si>
  <si>
    <t>BusinessObjects Text Analysis, Summarizer SDK, localization for English</t>
  </si>
  <si>
    <t>SAP Business Package for Standards for Automotive Retail (STAR)</t>
  </si>
  <si>
    <t>SAP E-Recruiting</t>
  </si>
  <si>
    <t>SAP REACH Compliance</t>
  </si>
  <si>
    <t>SAP Spend Performance Management</t>
  </si>
  <si>
    <t>BW Data Modeling (WHM)</t>
  </si>
  <si>
    <t>SAP Ganges</t>
  </si>
  <si>
    <t>SAP Bank Communication Management, option for multisystem payment consolidation</t>
  </si>
  <si>
    <t>SAP E-Commerce for SAP Business One</t>
  </si>
  <si>
    <t>SAP BusinessObjects Text Analysis, extract server, localization for Turkish</t>
  </si>
  <si>
    <t>SAP Customer Analytics for Retail</t>
  </si>
  <si>
    <t>SAP Utilities Customer Engagement for iOS</t>
  </si>
  <si>
    <t>SAP Fiori for SAP CRM</t>
  </si>
  <si>
    <t>SAP GRC Policy Survey for iPad</t>
  </si>
  <si>
    <t>SAP Rounds Manager</t>
  </si>
  <si>
    <t>BusinessObjects Text Analysis, ThingFinder SDK, localization for Greek</t>
  </si>
  <si>
    <t>SAP Folders Management</t>
  </si>
  <si>
    <t>SAP Product Lifecycle Costing</t>
  </si>
  <si>
    <t>Sybase Software Asset Management</t>
  </si>
  <si>
    <t>PLM Enterprise Asset Management (EAM)/Plant Maintenance (PM)</t>
  </si>
  <si>
    <t>SAP Engineering Control Center interface to SolidEdge</t>
  </si>
  <si>
    <t>enterprise integration add-on for landscape transformation mobile apps</t>
  </si>
  <si>
    <t>SAP API Management, on-premise edition</t>
  </si>
  <si>
    <t>SAP Customer Briefing for iPad</t>
  </si>
  <si>
    <t>CRM Web Channel</t>
  </si>
  <si>
    <t>SAP BusinessObjects geocoding for Portugal by TomTom</t>
  </si>
  <si>
    <t>FUZZY! Post Data for Russia</t>
  </si>
  <si>
    <t>gateway to SAP NetWeaver Mobile</t>
  </si>
  <si>
    <t>SAP Crystal Reports Server, OEM edition</t>
  </si>
  <si>
    <t>migration solution for SAP Business ByDesign feature pack</t>
  </si>
  <si>
    <t>SAP BusinessObjects Text Analysis, extract server, localization for French</t>
  </si>
  <si>
    <t>RWD Info Pak Publisher &amp; Glossary</t>
  </si>
  <si>
    <t>logging of SAP GUI for Windows</t>
  </si>
  <si>
    <t>FIN Real Estate</t>
  </si>
  <si>
    <t>SAP Player Engagement</t>
  </si>
  <si>
    <t>SAP Supplier InfoNet</t>
  </si>
  <si>
    <t>SAP Sustainability Performance Management</t>
  </si>
  <si>
    <t>SAP Customer Financial Fact Sheet for iPad</t>
  </si>
  <si>
    <t>IBM DB2 for Linux, Unix and Windows</t>
  </si>
  <si>
    <t>SAP CRM Sales integration with SAP CRM</t>
  </si>
  <si>
    <t>FIN Travel Management</t>
  </si>
  <si>
    <t>Internet of Things</t>
  </si>
  <si>
    <t>banking services from SAP, localization for Brazil</t>
  </si>
  <si>
    <t>SAP BusinessObjects geocoding for the U.S. for TIGER</t>
  </si>
  <si>
    <t>SAP Payment Approvals</t>
  </si>
  <si>
    <t>SAP Travel Receipts Management by OpenText</t>
  </si>
  <si>
    <t>SAP Rounds Manager by Syclo</t>
  </si>
  <si>
    <t>SAP PLM interface to Inventor e-desktop</t>
  </si>
  <si>
    <t>Duet Enterprise</t>
  </si>
  <si>
    <t>SAP PowerDesigner</t>
  </si>
  <si>
    <t>SAP BusinessObjects Predictive Analytics</t>
  </si>
  <si>
    <t>SAP Data Quality Management SDK</t>
  </si>
  <si>
    <t>Syclo SMART Rounds for SAP ERP</t>
  </si>
  <si>
    <t>SAP Learning Solution, option for the extended learning community</t>
  </si>
  <si>
    <t>ProactivePortal Server</t>
  </si>
  <si>
    <t>SAP Archiving and SAP Document Access by OpenText</t>
  </si>
  <si>
    <t>SAP Supplier Relationship Management, localization for India</t>
  </si>
  <si>
    <t>public budget formulation</t>
  </si>
  <si>
    <t>SAP File Lifecycle Management</t>
  </si>
  <si>
    <t>BusinessObjects Knowledge Accelerator, version for BusinessObjects OLAP Intelligence</t>
  </si>
  <si>
    <t>BusinessObjects Text Analysis, LinguistX platform SDK, localization for Swedish</t>
  </si>
  <si>
    <t>composite application for backorder processing</t>
  </si>
  <si>
    <t>capital investment planning</t>
  </si>
  <si>
    <t>SAP Event Stream Processor, adapter for Reuters Marketfeed</t>
  </si>
  <si>
    <t>SAP waste and recycling solutions by PROLOGA</t>
  </si>
  <si>
    <t>SAP BusinessObjects On-Shelf Availability Analysis</t>
  </si>
  <si>
    <t>intercompany data exchange for Swiss electric and gas utilities</t>
  </si>
  <si>
    <t>SAP HANA, enterprise extended edition</t>
  </si>
  <si>
    <t>SAP BusinessObjects Roambi Flow for iOS with Good Technology</t>
  </si>
  <si>
    <t>BusinessObjects Text Analysis, ThingFinder SDK, localization for Spanish</t>
  </si>
  <si>
    <t>SAP ERP, localization for Israel</t>
  </si>
  <si>
    <t>SAP address directory for Poland</t>
  </si>
  <si>
    <t>SAP address directory for Switzerland</t>
  </si>
  <si>
    <t>SAP Liquidity Risk Management</t>
  </si>
  <si>
    <t>SAP Supplier Lifecycle Management</t>
  </si>
  <si>
    <t>SAP Customer Activity Repository</t>
  </si>
  <si>
    <t>SAP ERP HCM, localization for Brazil public sector</t>
  </si>
  <si>
    <t>SAP BusinessObjects Text Analysis, extract server, localization for Hungarian</t>
  </si>
  <si>
    <t>SAP ERP, enterprise services bundle</t>
  </si>
  <si>
    <t>SAP Mobile Workflow Manager</t>
  </si>
  <si>
    <t>Application Platform and Infrastructure</t>
  </si>
  <si>
    <t>SAP Fiori transactional apps for SAP CRM</t>
  </si>
  <si>
    <t>SAP PLM interface to Solid Edge e-desktop</t>
  </si>
  <si>
    <t>SAP Customer Loyalty for Android</t>
  </si>
  <si>
    <t>SAP Anywhere</t>
  </si>
  <si>
    <t>SAP Invoice Management by OpenText, option for OCR</t>
  </si>
  <si>
    <t>SAP Shopper Experience, cloud edition</t>
  </si>
  <si>
    <t>SAP Clinical Task Tracker for iOS</t>
  </si>
  <si>
    <t>PLM Classification</t>
  </si>
  <si>
    <t>SAP R/3 add-on for information lifecycle management</t>
  </si>
  <si>
    <t>SAP BusinessObjects Financial Consolidation starter kit for U.S. GAAP</t>
  </si>
  <si>
    <t>SAP Supply Chain Performance Management</t>
  </si>
  <si>
    <t>SAP Fiori for SAP Test Data Migration Server</t>
  </si>
  <si>
    <t>SAP Application Visualization by iRise, add-on for SRM</t>
  </si>
  <si>
    <t>SAP Pricing and Costing for Utilities</t>
  </si>
  <si>
    <t>SAP Business One for Android</t>
  </si>
  <si>
    <t>SAP Business ByDesign, service provider cockpit</t>
  </si>
  <si>
    <t>SAP Customer Financial Fact Sheet for BlackBerry 10</t>
  </si>
  <si>
    <t>SAP ERP, add-on for Polish SAF-T regulatory requirements</t>
  </si>
  <si>
    <t>SAP Data Maintenance for SAP ERP by Vistex</t>
  </si>
  <si>
    <t>SAP Learning Assistant V2</t>
  </si>
  <si>
    <t>SAP Vehicles Network</t>
  </si>
  <si>
    <t>SAP Inventory Manager for Maximo</t>
  </si>
  <si>
    <t>Sybase Mobiliser Platform</t>
  </si>
  <si>
    <t>SAP AR Service Technician</t>
  </si>
  <si>
    <t>SAP Watchlist Security</t>
  </si>
  <si>
    <t>Oracle Database</t>
  </si>
  <si>
    <t>SAP Crystal Presentation Design</t>
  </si>
  <si>
    <t>SAP address directory for Turkey</t>
  </si>
  <si>
    <t>SAP Enterprise Inventory and Service-Level Optimization Analytics</t>
  </si>
  <si>
    <t>NW ABAP Integration Technology (ALE)</t>
  </si>
  <si>
    <t>SAP EHS Regulatory Content multilanguage phrase libraries for hazard communication for APJ</t>
  </si>
  <si>
    <t>SAP SuccessFactors HCM Core</t>
  </si>
  <si>
    <t>SAP GRC Policy Survey for Windows tablets</t>
  </si>
  <si>
    <t>stock balancing management</t>
  </si>
  <si>
    <t>SAP IT Change Approval for Android</t>
  </si>
  <si>
    <t>SAP Replication Server, heterogeneous edition</t>
  </si>
  <si>
    <t>Order from Requisitions</t>
  </si>
  <si>
    <t>SAP Hybris Commerce, travel accelerator</t>
  </si>
  <si>
    <t>SAP Learning Assistant for iPad</t>
  </si>
  <si>
    <t>SAP Acrobat Connect Professional Learning by Adobe</t>
  </si>
  <si>
    <t>SAP Solution Manager</t>
  </si>
  <si>
    <t>BusinessObjects Text Analysis, Summarizer SDK, localization for Danish</t>
  </si>
  <si>
    <t>SAP S/4HANA Cloud front end</t>
  </si>
  <si>
    <t>BusinessObjects Development Suite Analytics</t>
  </si>
  <si>
    <t>SAP Hybris Cloud for Customer for iPad</t>
  </si>
  <si>
    <t>SAP Business One Cloud</t>
  </si>
  <si>
    <t>BusinessObjects Text Analysis, LinguistX platform SDK, localization for Nynorsk</t>
  </si>
  <si>
    <t>SAP Deposits Management</t>
  </si>
  <si>
    <t>service parts management</t>
  </si>
  <si>
    <t>SAP BusinessObjects Text Analysis, analysis server, localization for Arabic</t>
  </si>
  <si>
    <t>SAP Innovation Management</t>
  </si>
  <si>
    <t>BusinessObjects Text Analysis, LinguistX platform SDK, localization for simplified Chinese</t>
  </si>
  <si>
    <t>SAP Health Link</t>
  </si>
  <si>
    <t>SAP Screen Personas</t>
  </si>
  <si>
    <t>SAP Enterprise Threat Detection</t>
  </si>
  <si>
    <t>SAP Connected Health</t>
  </si>
  <si>
    <t>SAP Allocation and Rescheduling Optimization</t>
  </si>
  <si>
    <t>SAP BusinessObjects Purchasing Rapid Mart for JD Edwards</t>
  </si>
  <si>
    <t>BusinessObjects Text Analysis, LinguistX platform SDK, localization for Finnish</t>
  </si>
  <si>
    <t>SAP BusinessObjects Roambi publishing client for SSRS</t>
  </si>
  <si>
    <t>SAP Lease Administration by Nakisa</t>
  </si>
  <si>
    <t>SAP Work Manager for Android</t>
  </si>
  <si>
    <t>SAP Complex Manufacturing Accelerator for Windows</t>
  </si>
  <si>
    <t>SAP Complex Assembly Manufacturing</t>
  </si>
  <si>
    <t>SAP Composition Application Framework</t>
  </si>
  <si>
    <t>SAP Payment Approvals for Android</t>
  </si>
  <si>
    <t>JavaScript</t>
  </si>
  <si>
    <t>Crystal Analysis</t>
  </si>
  <si>
    <t>SAP BusinessObjects Text Analysis, analysis server, localization for English</t>
  </si>
  <si>
    <t>UI SAP GUI for Java</t>
  </si>
  <si>
    <t>SAP Corporate Connectivity for Banking for Westpac</t>
  </si>
  <si>
    <t>SAP BusinessObjects Text Analysis, analysis server, localization for French</t>
  </si>
  <si>
    <t>BW Data Staging (WHM)</t>
  </si>
  <si>
    <t>BusinessObjects Text Analysis, Summarizer SDK, localization for Serbian</t>
  </si>
  <si>
    <t>SAP BusinessObjects Data Visualization, Star Tree SDK for Java</t>
  </si>
  <si>
    <t>SAP LoadRunner by HPE</t>
  </si>
  <si>
    <t>Create Sales Orders</t>
  </si>
  <si>
    <t>HCM Payroll Canada</t>
  </si>
  <si>
    <t>SAP General Ledger Rapid Mart for PeopleSoft</t>
  </si>
  <si>
    <t>SAP Multiresource Scheduling, optimizer version</t>
  </si>
  <si>
    <t>SAP Content Server</t>
  </si>
  <si>
    <t>project "Sentinel"</t>
  </si>
  <si>
    <t>UI WebClient UI Framework</t>
  </si>
  <si>
    <t>SAP NetWeaver Mobile</t>
  </si>
  <si>
    <t>SAP Retail Execution integration with SAP CRM</t>
  </si>
  <si>
    <t>SAP HANA Live for SAP PLM</t>
  </si>
  <si>
    <t>SAP Health Engagement mobile app SDK</t>
  </si>
  <si>
    <t>SAP On-Shelf Availability integration</t>
  </si>
  <si>
    <t>SAP Asset Lifecycle Accounting</t>
  </si>
  <si>
    <t>BusinessObjects Universal Bridge</t>
  </si>
  <si>
    <t>SAP address directory for Germany</t>
  </si>
  <si>
    <t>BusinessObjects Text Analysis, LinguistX platform SDK, localization for Slovenian</t>
  </si>
  <si>
    <t>SAP BusinessObjects Integration, version for Oracle E-Business Suite</t>
  </si>
  <si>
    <t>SAP Account Intelligence for iPad</t>
  </si>
  <si>
    <t>Commerce</t>
  </si>
  <si>
    <t>SAP Hybris Digital Asset Management by OpenText</t>
  </si>
  <si>
    <t>BusinessObjects Text Analysis, Summarizer SDK, localization for Korean</t>
  </si>
  <si>
    <t>SAP R/3 add-on for automotive</t>
  </si>
  <si>
    <t>BusinessObjects Text Analysis, ThingFinder SDK, localization for Slovenian</t>
  </si>
  <si>
    <t>SUSE Linux Enterprise Server</t>
  </si>
  <si>
    <t>SAP Store Device Control by GK</t>
  </si>
  <si>
    <t>BusinessObjects Carat (Cartesis)</t>
  </si>
  <si>
    <t>SAP Smart Business for SAP CRM</t>
  </si>
  <si>
    <t>SAP Engineering Control Center interface to Inventor</t>
  </si>
  <si>
    <t>SAP Replication Manager</t>
  </si>
  <si>
    <t>SAP Master Data Governance, enterprise asset management extension by Utopia</t>
  </si>
  <si>
    <t>SAP Plant Maintenance Rapid Mart</t>
  </si>
  <si>
    <t>SAP Contact Center</t>
  </si>
  <si>
    <t>SAP RealSpend for BlackBerry 10</t>
  </si>
  <si>
    <t>SAP Knowledge Acceleration, version for SAP ERP: Purchasing</t>
  </si>
  <si>
    <t>FUZZY! BoykottCheck Data</t>
  </si>
  <si>
    <t>SAP Convergent Pricing Simulation</t>
  </si>
  <si>
    <t>SAP Forecasting and Replenishment for Retail</t>
  </si>
  <si>
    <t>BusinessObjects Optimis</t>
  </si>
  <si>
    <t>SAP Hybris Marketing, loyalty option</t>
  </si>
  <si>
    <t>SAP Digital Content Processing by OpenText</t>
  </si>
  <si>
    <t>SAP Revenue Accounting and Reporting</t>
  </si>
  <si>
    <t>BusinessObjects Text Analysis, Summarizer SDK</t>
  </si>
  <si>
    <t>SAP ERP for Business All-in-One, manufacturing edition enalblement kit</t>
  </si>
  <si>
    <t>SAP GRC Access Approver</t>
  </si>
  <si>
    <t>HCM Personnel Administration</t>
  </si>
  <si>
    <t>BusinessObjects Text Analysis, LinguistX platform SDK, localization for Portuguese</t>
  </si>
  <si>
    <t>SAP ERP Central Component</t>
  </si>
  <si>
    <t>SAP BusinessObjects Text Analysis, extract server, localization for Slovenian</t>
  </si>
  <si>
    <t>SAP BusinessObjects Roambi Analytics for iOS</t>
  </si>
  <si>
    <t>SAP Event Insight</t>
  </si>
  <si>
    <t>BusinessObjects Octave</t>
  </si>
  <si>
    <t>Small and Midsize Enterprises</t>
  </si>
  <si>
    <t>SAP General Ledger Rapid Mart</t>
  </si>
  <si>
    <t>SAP Sales Manager integration with SAP CRM</t>
  </si>
  <si>
    <t>SAP Sybase IQ</t>
  </si>
  <si>
    <t>SAP LoadRunner by HPE, performance center edition</t>
  </si>
  <si>
    <t>SAP Web Analytics</t>
  </si>
  <si>
    <t>SAP BusinessObjects geocoding for Spain (parcel point) by TomTom</t>
  </si>
  <si>
    <t>SAP BusinessObjects Text Analysis, metadata management system</t>
  </si>
  <si>
    <t>SAP Digital for Customer Engagement for iPad</t>
  </si>
  <si>
    <t>SAP Business ByDesign, content server add-on</t>
  </si>
  <si>
    <t>SAP BusinessObjects Knowledge Accelerator, version for OLAP</t>
  </si>
  <si>
    <t>SAP Sales Analysis for Retail, edition for SAP HANA</t>
  </si>
  <si>
    <t>SAP Sales Companion for Windows tablets</t>
  </si>
  <si>
    <t>FUZZY! Post Data for Turkey</t>
  </si>
  <si>
    <t>distance determination service</t>
  </si>
  <si>
    <t>Crystal Reports for Java</t>
  </si>
  <si>
    <t>Syclo Agentry mobile device management</t>
  </si>
  <si>
    <t>SAP Crystal Interactive Analysis, desktop edition</t>
  </si>
  <si>
    <t>SAP Smart Business for SAP CRM and SAP ERP cross-analytics</t>
  </si>
  <si>
    <t>Mobile</t>
  </si>
  <si>
    <t>BusinessObjects Text Analysis, Summarizer SDK, localization for French</t>
  </si>
  <si>
    <t>SAP Business ByDesign KTP</t>
  </si>
  <si>
    <t>SAP Cloud for Travel and Expense mobile app</t>
  </si>
  <si>
    <t>SAP EHS Safety Issue</t>
  </si>
  <si>
    <t>SAP HANA Live for Utilities, edition for SAP ERP</t>
  </si>
  <si>
    <t>SAP BusinessObjects Planning and Consolidation for Banking</t>
  </si>
  <si>
    <t>BusinessObjects Text Analysis, Summarizer SDK, localization for Slovenian</t>
  </si>
  <si>
    <t>SAP Smart Business for SAP Information Lifecycle Management</t>
  </si>
  <si>
    <t>SAP SuccessFactors Learning</t>
  </si>
  <si>
    <t>SAP User Experience Management by Knoa</t>
  </si>
  <si>
    <t>SAP Manufacturing Integration and Intelligence</t>
  </si>
  <si>
    <t>SAP Mobile Sales (with SAP R/3) for SAP NetWeaver</t>
  </si>
  <si>
    <t>FUZZY! Post Data for Poland</t>
  </si>
  <si>
    <t>Edge solutions, professional edition N-tier</t>
  </si>
  <si>
    <t>SAP address directory for Russia</t>
  </si>
  <si>
    <t>SAP HANA Live for Reinsurance Management</t>
  </si>
  <si>
    <t>SAP HANA accelerator for SAP ASE</t>
  </si>
  <si>
    <t>SAP Production and Revenue Accounting</t>
  </si>
  <si>
    <t>SAP BusinessObjects Predictive Analytics, OEM edition</t>
  </si>
  <si>
    <t>SAP Treasury and Risk Management, version for the United States</t>
  </si>
  <si>
    <t>SAP Process Integration, connectivity add-on</t>
  </si>
  <si>
    <t>SAP Access Violation Management by Greenlight</t>
  </si>
  <si>
    <t>SAP HANA Live for SAP Commercial Project Management</t>
  </si>
  <si>
    <t>SAP Fiori Client for Windows Phone</t>
  </si>
  <si>
    <t>SAP Document Management System Connector for Knowledge Management</t>
  </si>
  <si>
    <t>SAP Smart Business for financial close</t>
  </si>
  <si>
    <t>SAP BusinessObjects Extended Analytics</t>
  </si>
  <si>
    <t>SAP BusinessObjects Roambi Analytics for iOS, demo version</t>
  </si>
  <si>
    <t>Public Sector</t>
  </si>
  <si>
    <t>German insurance administration</t>
  </si>
  <si>
    <t>SAP Trade Promotion Planning, version for in-memory computing</t>
  </si>
  <si>
    <t>SAP Configure, Price, and Quote for solution sales configuration, UI composer add-on</t>
  </si>
  <si>
    <t>Sybase ECMap</t>
  </si>
  <si>
    <t>SAP Hybris Cloud for Customer integration with SAP CRM</t>
  </si>
  <si>
    <t>SAP Business Server and Publisher by Software AG</t>
  </si>
  <si>
    <t>SAP Forms as a Service by Adobe</t>
  </si>
  <si>
    <t>SOLMAN Diagnostics</t>
  </si>
  <si>
    <t>Mobile Technology</t>
  </si>
  <si>
    <t>SAP BusinessObjects geocoding for Poland by TomTom</t>
  </si>
  <si>
    <t>SAP Intercompany Data Exchange, localization for Austria</t>
  </si>
  <si>
    <t>SAP R/3</t>
  </si>
  <si>
    <t>SAP BusinessObjects Roambi Analytics for Android, co-branded version</t>
  </si>
  <si>
    <t>SAP SuccessFactors Employee Central</t>
  </si>
  <si>
    <t>SAP Fraud Watch</t>
  </si>
  <si>
    <t>SAP Defense Command and Control for Headquarters by Systematic</t>
  </si>
  <si>
    <t>SAP Travel Expense Report for Android</t>
  </si>
  <si>
    <t>SAP Work Efficiency Component</t>
  </si>
  <si>
    <t>SAP address directory for Belgium</t>
  </si>
  <si>
    <t>SAP BusinessObjects Text Analysis, extract server, localization for Spanish</t>
  </si>
  <si>
    <t>Charitable Transformation</t>
  </si>
  <si>
    <t>component extension for SAP Environment, Health, and Safety Management</t>
  </si>
  <si>
    <t>SAP BusinessObjects Data Visualization, TableLens SDK for ActiveX</t>
  </si>
  <si>
    <t>SAP Bank Analyzer, localization for Russia</t>
  </si>
  <si>
    <t>SAP BusinessObjects Roambi publishing client for Cognos</t>
  </si>
  <si>
    <t>SAP CodeJam</t>
  </si>
  <si>
    <t>SAP BusinessObjects Dashboards</t>
  </si>
  <si>
    <t>SAP Intelligence Analysis for Public Sector by Palantir</t>
  </si>
  <si>
    <t>SAPPHIRE NOW</t>
  </si>
  <si>
    <t>SAP ERP for Business All-in-One, manufacturing edition</t>
  </si>
  <si>
    <t>software logistics toolset</t>
  </si>
  <si>
    <t>FIN Treasury</t>
  </si>
  <si>
    <t>SAP Insurance Analyzer</t>
  </si>
  <si>
    <t>SAP Stored Value Program</t>
  </si>
  <si>
    <t>SAP HANA Live for SAP solutions for GRC 10.1</t>
  </si>
  <si>
    <t>SAP PLM interface to I-DEAS</t>
  </si>
  <si>
    <t>HCM Payroll Brazil</t>
  </si>
  <si>
    <t>Syclo Agentry analytics</t>
  </si>
  <si>
    <t>SAP EMR Unwired</t>
  </si>
  <si>
    <t>SAP Enterprise Inventory and Service-Level Optimization</t>
  </si>
  <si>
    <t>SAP Integrated Business Planning</t>
  </si>
  <si>
    <t>SAP Engineering Control Center interface to PTC Creo</t>
  </si>
  <si>
    <t>My Benefits</t>
  </si>
  <si>
    <t>Business Objects Warehouse</t>
  </si>
  <si>
    <t>SAP Account Intelligence</t>
  </si>
  <si>
    <t>CRM Middleware</t>
  </si>
  <si>
    <t>SAP Fiori front-end server</t>
  </si>
  <si>
    <t>Build</t>
  </si>
  <si>
    <t>SAP Supply Network Collaboration, UI add-on for purchase order collaboration</t>
  </si>
  <si>
    <t>SAP Sales Insights for Retail</t>
  </si>
  <si>
    <t>SAP Forum</t>
  </si>
  <si>
    <t>PORTAL Visual Composer</t>
  </si>
  <si>
    <t>SAP address directory for the Netherlands</t>
  </si>
  <si>
    <t>SAP Jam integration with SAP CRM</t>
  </si>
  <si>
    <t>maintenance planner</t>
  </si>
  <si>
    <t>SAP Auto-ID Infrastructure</t>
  </si>
  <si>
    <t>SAP address directories for Germany, enhanced edition</t>
  </si>
  <si>
    <t>Partnership</t>
  </si>
  <si>
    <t>Sybase EAServer</t>
  </si>
  <si>
    <t>SAP address directory, monthly version for Z4change</t>
  </si>
  <si>
    <t>BusinessObjects Text Analysis, ThingFinder SDK, localization for Serbian</t>
  </si>
  <si>
    <t>SAP Anywhere for iOS</t>
  </si>
  <si>
    <t>SAP BusinessObjects Text Analysis, analysis server, localization for German</t>
  </si>
  <si>
    <t>SAP HANA rules framework</t>
  </si>
  <si>
    <t>BusinessObjects Text Analysis, Summarizer SDK, localization for Bokmal</t>
  </si>
  <si>
    <t>SAP Collections and Disbursements for Insurance</t>
  </si>
  <si>
    <t>SAP BusinessObjects Lumira</t>
  </si>
  <si>
    <t>SAP HANA Live for SAP CRM and SAP ERP cross-analytics</t>
  </si>
  <si>
    <t>SAP Business One Sales for Android</t>
  </si>
  <si>
    <t>SAP Postalsoft, business edition</t>
  </si>
  <si>
    <t>SAP Intercompany Data Exchange</t>
  </si>
  <si>
    <t>SAP CRM Service Manager for Windows Mobile</t>
  </si>
  <si>
    <t>SAP BusinessObjects Text Analysis, extract server, localization for Arabic</t>
  </si>
  <si>
    <t>SAP BusinessObjects Disclosure Management</t>
  </si>
  <si>
    <t>Sybase RFID Anywhere</t>
  </si>
  <si>
    <t>SAP BusinessObjects Text Analysis, extract server, localization for Farsi</t>
  </si>
  <si>
    <t>Co-Innovation Lab</t>
  </si>
  <si>
    <t>SAP Tempo Box by OpenText, standard edition</t>
  </si>
  <si>
    <t>CRM Billing</t>
  </si>
  <si>
    <t>SAP BusinessObjects Accounts Receivable Rapid Mart for Oracle</t>
  </si>
  <si>
    <t>SAP Working Capital Analytics, DSO scope</t>
  </si>
  <si>
    <t>SAP ERP, supply chain integration add-on for SAP Integrated Business Planning</t>
  </si>
  <si>
    <t>Sybase Corporate Online Banking</t>
  </si>
  <si>
    <t>logistics add-on for import/export, localization for India</t>
  </si>
  <si>
    <t>PLM Product Lifecycle Management</t>
  </si>
  <si>
    <t>SCM APO Global ATP</t>
  </si>
  <si>
    <t>SAP Fiori for SAP HANA Live for SAP solutions for GRC</t>
  </si>
  <si>
    <t>SAP Electronic Invoicing for Brazil</t>
  </si>
  <si>
    <t>BusinessObjects Text Analysis, ThingFinder SDK, localization for Bokmal</t>
  </si>
  <si>
    <t>SAP NetWeaver Master Data Management</t>
  </si>
  <si>
    <t>SAP Demand Signal Management</t>
  </si>
  <si>
    <t>SAP Customer Analysis and Retention for Telecommunications</t>
  </si>
  <si>
    <t>conversion agent for SAP NetWeaver</t>
  </si>
  <si>
    <t>SmartOps Production Planning with Pattern Optimization</t>
  </si>
  <si>
    <t>SAP 3D Visual Enterprise Viewer, add-on for electronic design automation</t>
  </si>
  <si>
    <t>SAP BusinessObjects Integration, version for SAP solutions</t>
  </si>
  <si>
    <t>SAP PLM interface to CATIA V4</t>
  </si>
  <si>
    <t>SAP PLM interface to CATIA V5</t>
  </si>
  <si>
    <t>SAP Notes Management</t>
  </si>
  <si>
    <t>Customer Invoices</t>
  </si>
  <si>
    <t>Sourcing and Procurement</t>
  </si>
  <si>
    <t>FUZZY! Double</t>
  </si>
  <si>
    <t>SAP BusinessObjects Roambi publishing client SDK</t>
  </si>
  <si>
    <t>traffic congestion management</t>
  </si>
  <si>
    <t>Aerospace and Defense</t>
  </si>
  <si>
    <t>SAP CRM Sales for Windows</t>
  </si>
  <si>
    <t>SAP Smart Business for SAP PLM</t>
  </si>
  <si>
    <t>shop floor dispatching and monitoring tool for SAP ERP</t>
  </si>
  <si>
    <t>SAP Single Sign-On</t>
  </si>
  <si>
    <t>SAP Direct Store Delivery</t>
  </si>
  <si>
    <t>SAP Crystal Reports, version for Eclipse</t>
  </si>
  <si>
    <t>SAP Smart Business</t>
  </si>
  <si>
    <t>Java</t>
  </si>
  <si>
    <t>BusinessObjects Text Analysis, ThingFinder SDK, localization for Polish</t>
  </si>
  <si>
    <t>data transfer and migration tool</t>
  </si>
  <si>
    <t>SAP Sourcing and SAP Contract Lifecycle Management</t>
  </si>
  <si>
    <t>store clustering</t>
  </si>
  <si>
    <t>SAP ERP add-on for oil and gas, localization for Argentina</t>
  </si>
  <si>
    <t>SAP EHS Regulatory Content substance lists and reference data for EMEA</t>
  </si>
  <si>
    <t>SAP HANA dynamic tiering</t>
  </si>
  <si>
    <t>My Paystubs</t>
  </si>
  <si>
    <t>SAP Work Manager for Maximo mobile app</t>
  </si>
  <si>
    <t>SAP Field Service integration with SAP CRM</t>
  </si>
  <si>
    <t>Sybase Advantage Database Server</t>
  </si>
  <si>
    <t>SAP HANA Live</t>
  </si>
  <si>
    <t>SAP Smart Business, executive edition</t>
  </si>
  <si>
    <t>SAP BusinessObjects BI, Edge edition, version with data management (not for connection to SAP ERP)</t>
  </si>
  <si>
    <t>SAP Payment Engine</t>
  </si>
  <si>
    <t>SAP Project to Go</t>
  </si>
  <si>
    <t>SAP Enterprise Modeling by Software AG</t>
  </si>
  <si>
    <t>asset accounting multiple calendar tool</t>
  </si>
  <si>
    <t>SAP Ganges, cloud edition</t>
  </si>
  <si>
    <t>SQL Anywhere</t>
  </si>
  <si>
    <t>SAP Customer View for iPad</t>
  </si>
  <si>
    <t>SAP Fiori for SAP Demand Signal Management</t>
  </si>
  <si>
    <t>BW Business Explorer (SAP BEx)</t>
  </si>
  <si>
    <t>taxpayer online services</t>
  </si>
  <si>
    <t>SAP Net Margin Analysis</t>
  </si>
  <si>
    <t>SAP Document Presentment by OpenText</t>
  </si>
  <si>
    <t>BusinessObjects Text Analysis, Summarizer SDK, localization for Russian</t>
  </si>
  <si>
    <t>BusinessObjects Text Analysis, LinguistX platform SDK, localization for Dutch</t>
  </si>
  <si>
    <t>SAP Quality Center by HPE</t>
  </si>
  <si>
    <t>SAP Intelligent Metering for German Energy Utilities</t>
  </si>
  <si>
    <t>Purisma Data Hub</t>
  </si>
  <si>
    <t>SAP BusinessObjects geocoding for Turkey by TomTom</t>
  </si>
  <si>
    <t>SAP ERP, add-on for embedded production planning and detailed scheduling</t>
  </si>
  <si>
    <t>enhanced security issuance management</t>
  </si>
  <si>
    <t>SAP PLM interface to SolidWorks e-desktop</t>
  </si>
  <si>
    <t>SAP Real Estate Management, add-on for tenant relationship management</t>
  </si>
  <si>
    <t>BusinessObjects Text Analysis, LinguistX platform SDK, localization for Turkish</t>
  </si>
  <si>
    <t>SAP BusinessObjects Roambi, cloud edition</t>
  </si>
  <si>
    <t>UI theme designer</t>
  </si>
  <si>
    <t>SAP Price and Margin Management by Vendavo</t>
  </si>
  <si>
    <t>SAP ERP Quality Issue</t>
  </si>
  <si>
    <t>NW ABAP Web Services</t>
  </si>
  <si>
    <t>SAP Customer Relationship Management 2006s</t>
  </si>
  <si>
    <t>SAP BusinessObjects Text Analysis, extract server, localization for Catalan</t>
  </si>
  <si>
    <t>Xcelsius Professional N-tier</t>
  </si>
  <si>
    <t>SAP Mobile Secure, cloud edition</t>
  </si>
  <si>
    <t>SAP BusinessObjects Roambi Flow for iOS, customer enterprise edition</t>
  </si>
  <si>
    <t>SAP ERP HCM, localization for Saudi Arabia and United Arab Emirates</t>
  </si>
  <si>
    <t>SAP Mobile Documents, CMIS connector</t>
  </si>
  <si>
    <t>SAP 3D Visual Enterprise Author</t>
  </si>
  <si>
    <t>SAP Business ByDesign, subsidiaries edition</t>
  </si>
  <si>
    <t>SAP address directory for New Zealand</t>
  </si>
  <si>
    <t>SAP BusinessObjects Data Visualization, Star Tree SDK for Dotnet</t>
  </si>
  <si>
    <t>Sybase Data Integration Suite</t>
  </si>
  <si>
    <t>BusinessObjects Text Analysis, LinguistX platform SDK, localization for German</t>
  </si>
  <si>
    <t>SAP R/3 add-on for aerospace and defense</t>
  </si>
  <si>
    <t>SAP CRM Service Manager for iOS</t>
  </si>
  <si>
    <t>SAP Archiving and SAP Document Access by OpenText for SAP S/4HANA</t>
  </si>
  <si>
    <t>SAP Fiori Client for iOS</t>
  </si>
  <si>
    <t>SAP Information Interchange by Crossgate</t>
  </si>
  <si>
    <t>SAP EHS Regulatory Content package for dangerous goods</t>
  </si>
  <si>
    <t>SAP Medical Research Insights</t>
  </si>
  <si>
    <t>SAP Business Process Tracking for Utilities</t>
  </si>
  <si>
    <t>SAP Technical Data Export Compliance by NextLabs</t>
  </si>
  <si>
    <t>SAP Fan Experience</t>
  </si>
  <si>
    <t>SAP Supplier Relationship Management</t>
  </si>
  <si>
    <t>SAP Smart Business for extended warehouse management</t>
  </si>
  <si>
    <t>SAP Omnichannel Point-of-Sale by GK</t>
  </si>
  <si>
    <t>Xcelsius Present N-tier</t>
  </si>
  <si>
    <t>Sybase XTNDConnect PC</t>
  </si>
  <si>
    <t>SAP Landscape Transformation replication server</t>
  </si>
  <si>
    <t>Sybase Adaptive Server Enterprise</t>
  </si>
  <si>
    <t>SAP Adaptive Server Enterprise OOEM for Linux IA</t>
  </si>
  <si>
    <t>SAP Manager Insight for iPad</t>
  </si>
  <si>
    <t>SAP Invoice Management by OpenText</t>
  </si>
  <si>
    <t>SAP ERP HCM, localization for Portugal public sector</t>
  </si>
  <si>
    <t>SAP Smart Business for SAP Event Management and SAP Transportation Management cross-analytics</t>
  </si>
  <si>
    <t>FIN General Ledger</t>
  </si>
  <si>
    <t>SAP Fiori for SAP solutions for GRC</t>
  </si>
  <si>
    <t>SAP Enterprise Learning</t>
  </si>
  <si>
    <t>banking services from SAP, localization for Argentina</t>
  </si>
  <si>
    <t>SAP Service Virtualization by HPE</t>
  </si>
  <si>
    <t>Sybase InfoMaker application</t>
  </si>
  <si>
    <t>SAP Precision Marketing</t>
  </si>
  <si>
    <t>SAP Fiori Client for Windows</t>
  </si>
  <si>
    <t>Alloy</t>
  </si>
  <si>
    <t>Careers</t>
  </si>
  <si>
    <t>SuccessConnect</t>
  </si>
  <si>
    <t>HR renewal</t>
  </si>
  <si>
    <t>Asset Management</t>
  </si>
  <si>
    <t>SAP enhancement package for SAP ERP</t>
  </si>
  <si>
    <t>software development kit for SAP Plant Connectivity</t>
  </si>
  <si>
    <t>SAP address directory for Canada</t>
  </si>
  <si>
    <t>FUZZY! Post Data for Great Britain</t>
  </si>
  <si>
    <t>BusinessObjects Text Analysis, LinguistX platform SDK, localization for Hungarian</t>
  </si>
  <si>
    <t>Sybase Fuzzy Logix</t>
  </si>
  <si>
    <t>SAP Self-Service for Utilities for Android</t>
  </si>
  <si>
    <t>SAP BusinessObjects Analysis</t>
  </si>
  <si>
    <t>SAP Advantage Database Server</t>
  </si>
  <si>
    <t>PORTAL Administration and Development</t>
  </si>
  <si>
    <t>SAP Patient Management mobile app</t>
  </si>
  <si>
    <t>SAP Master Data Governance, retail and fashion management extension by Utopia</t>
  </si>
  <si>
    <t>SAP BusinessObjects Text Analysis, analysis server</t>
  </si>
  <si>
    <t>SAP Event Ticketing, cloud edition</t>
  </si>
  <si>
    <t>SAP BusinessObjects Text Analysis, extract server, localization for Nynorsk</t>
  </si>
  <si>
    <t>SAP BusinessObjects Strategy Management</t>
  </si>
  <si>
    <t>SAP Hybris Cloud for Customer integration with SAP ERP</t>
  </si>
  <si>
    <t>SAP PostalSoft</t>
  </si>
  <si>
    <t>SAP E-Commerce</t>
  </si>
  <si>
    <t>SAP xApp Lean Planning and Operations</t>
  </si>
  <si>
    <t>SAP address directory for Hungary</t>
  </si>
  <si>
    <t>SAP EHS Regulatory Content</t>
  </si>
  <si>
    <t>Syclo SMART Schedule</t>
  </si>
  <si>
    <t>SAP BusinessObjects Profitability and Cost Management</t>
  </si>
  <si>
    <t>SAP Leave Request for Android</t>
  </si>
  <si>
    <t>SAP ERP</t>
  </si>
  <si>
    <t>SAP BusinessObjects Lumira, desktop edition</t>
  </si>
  <si>
    <t>SAP HANA data warehousing foundation</t>
  </si>
  <si>
    <t>SAP PLM interface for NX E-Desktop</t>
  </si>
  <si>
    <t>Track Purchase Order</t>
  </si>
  <si>
    <t>SAP Text Analysis SDK (for OEMs)</t>
  </si>
  <si>
    <t>Crystal Reports Visual Advantage</t>
  </si>
  <si>
    <t>SAP address directory, monthly version for Suitelink</t>
  </si>
  <si>
    <t>SAP Customer Relationship Management, add-on for service industries</t>
  </si>
  <si>
    <t>Xcelsius Engage N-tier</t>
  </si>
  <si>
    <t>intercompany data exchange for Slovakian electric companies</t>
  </si>
  <si>
    <t>SAP Cash Forecasting</t>
  </si>
  <si>
    <t>SAP Accounting Doc Approver for iPhone</t>
  </si>
  <si>
    <t>SAP ERP Customer Order Entry</t>
  </si>
  <si>
    <t>SAP BusinessObjects Text Analysis, extract server, localization for Finnish</t>
  </si>
  <si>
    <t>SAP BusinessObjects Roambi publishing client for Talend</t>
  </si>
  <si>
    <t>SAP Hybris Commerce</t>
  </si>
  <si>
    <t>SAP BusinessObjects geocoding for Canada by NAVTEQ</t>
  </si>
  <si>
    <t>SAP Fiori for SAP Business Suite foundation component</t>
  </si>
  <si>
    <t>SMS builder add-on for SAP Mobile Platform, consumer edition</t>
  </si>
  <si>
    <t>Sybase RemoteWare</t>
  </si>
  <si>
    <t>SAP HANA studio</t>
  </si>
  <si>
    <t>SAP BusinessObjects Financial Consolidation starter kit for UK IFRS</t>
  </si>
  <si>
    <t>SAP Enterprise Risk Reporting for Banking</t>
  </si>
  <si>
    <t>SAP BusinessObjects Text Analysis, extract server, localization for Serbian</t>
  </si>
  <si>
    <t>BusinessObjects Data Quality Management, version for Oracle's PeopleSoft Customer Relationship</t>
  </si>
  <si>
    <t>SAP BusinessObjects Text Analysis, analysis server, localization for Spanish</t>
  </si>
  <si>
    <t>SAP EHS Regulatory Content multilanguage phrase libraries for hazard communication for the Americas</t>
  </si>
  <si>
    <t>SAP Travel Receipt Capture for iPhone</t>
  </si>
  <si>
    <t>SAP Business ByDesign transfer client for E-Bilanz</t>
  </si>
  <si>
    <t>SAP Audit Watch</t>
  </si>
  <si>
    <t>SAP BusinessObjects Roambi Analytics for Android, customer enterprise ed., cross-platform version</t>
  </si>
  <si>
    <t>SAP Mobile Sales, online version for SAP NetWeaver</t>
  </si>
  <si>
    <t>SAP Postalsoft Match Consolidate</t>
  </si>
  <si>
    <t>SAP GRC Role Expert for SAP NetWeaver</t>
  </si>
  <si>
    <t>SAP Global Trade Services</t>
  </si>
  <si>
    <t>BILT for iOS</t>
  </si>
  <si>
    <t>SAP Transport Tendering</t>
  </si>
  <si>
    <t>SAP Quality Center by HPE, enterprise edition</t>
  </si>
  <si>
    <t>SAP Environment, Health, and Safety Management</t>
  </si>
  <si>
    <t>BusinessObjects Text Analysis, ThingFinder SDK, localization for Portuguese</t>
  </si>
  <si>
    <t>SAP BusinessObjects geocoding for Lithuania by TomTom</t>
  </si>
  <si>
    <t>SAP StreamWork Brainstorming</t>
  </si>
  <si>
    <t>SAP BusinessObjects Text Analysis, extract server, localization for Portuguese</t>
  </si>
  <si>
    <t>SAP Inventory Manager for Maximo mobile app</t>
  </si>
  <si>
    <t>SAP Energy Data Management, add-on for gas regulatory compliance by Prologa</t>
  </si>
  <si>
    <t>Sybase Replication Agent, option for IBM DB2</t>
  </si>
  <si>
    <t>SAP Business ByDesign, add-on for agile project management</t>
  </si>
  <si>
    <t>SAP Smart Business for SAP Business Suite foundation component</t>
  </si>
  <si>
    <t>BW SAP HANA Modeling Tools (Eclipse)</t>
  </si>
  <si>
    <t>SAP Payment Approvals for iPhone</t>
  </si>
  <si>
    <t>SAP Accounts Receivable Rapid Mart for Oracle</t>
  </si>
  <si>
    <t>SAP Enterprise Project Connection</t>
  </si>
  <si>
    <t>SAP BusinessObjects Text Analysis, extract server, localization for traditional Chinese</t>
  </si>
  <si>
    <t>FUZZY! Post Data for Spain</t>
  </si>
  <si>
    <t>SAP Process Integration, secure connectivity add-on</t>
  </si>
  <si>
    <t>SAP Fiori for SAP Secondary Distribution for Oil &amp; Gas</t>
  </si>
  <si>
    <t>Insurance</t>
  </si>
  <si>
    <t>SAP Crystal Reports, version for SAP Business ByDesign</t>
  </si>
  <si>
    <t>SAP Enterprise Point-of-Sale Base</t>
  </si>
  <si>
    <t>SAP Defense Command and Control for Tracking by Systematic</t>
  </si>
  <si>
    <t>BusinessObjects Text Analysis, LinguistX platform SDK, localization for Spanish</t>
  </si>
  <si>
    <t>SAP BusinessObjects Mobile for iPhone and iPad</t>
  </si>
  <si>
    <t>SAP address directory for Australia</t>
  </si>
  <si>
    <t>UI Floorplan Manager for Web Dynpro ABAP</t>
  </si>
  <si>
    <t>SAP Real-Time Offer Management software</t>
  </si>
  <si>
    <t>SAP Authenticator for Android</t>
  </si>
  <si>
    <t>SAP EHS Regulatory Content material safety data sheet (MSDS) template for EMEA</t>
  </si>
  <si>
    <t>Defense and Security</t>
  </si>
  <si>
    <t>SAP Mobile Documents, desktop edition</t>
  </si>
  <si>
    <t>SAP Business Process Automation by Redwood</t>
  </si>
  <si>
    <t>Industry</t>
  </si>
  <si>
    <t>BusinessObjects Text Analysis, LinguistX platform SDK, localization for Arabic</t>
  </si>
  <si>
    <t>SAP Mobile Defense and Security</t>
  </si>
  <si>
    <t>SAP Point-of-Sale Base</t>
  </si>
  <si>
    <t>LE (Logistics Execution)</t>
  </si>
  <si>
    <t>Syclo SMART Approval Manager for SAP</t>
  </si>
  <si>
    <t>SAP Business One</t>
  </si>
  <si>
    <t>SAP Omnichannel Banking, digital commercial option</t>
  </si>
  <si>
    <t>SAP Acrobat Connect Professional Meeting by Adobe</t>
  </si>
  <si>
    <t>FUZZY! Post Data for Latvia</t>
  </si>
  <si>
    <t>the intercompany integration solution for SAP Business One</t>
  </si>
  <si>
    <t>order engineering workbench</t>
  </si>
  <si>
    <t>SAP Business Banking for iOS</t>
  </si>
  <si>
    <t>conversion, migration, and analysis tools</t>
  </si>
  <si>
    <t>SAP Master Data Governance</t>
  </si>
  <si>
    <t>SAP TechEd</t>
  </si>
  <si>
    <t>SAP Data Federator</t>
  </si>
  <si>
    <t>SAP EPM Unwired</t>
  </si>
  <si>
    <t>SAP BusinessObjects geocoding for Finland by TomTom</t>
  </si>
  <si>
    <t>SAP Fiori for SAP SCM</t>
  </si>
  <si>
    <t>UI WebGUI and Internet Transaction Server (ITS)</t>
  </si>
  <si>
    <t>Training</t>
  </si>
  <si>
    <t>SAP HANA, platform edition</t>
  </si>
  <si>
    <t>BusinessObjects Text Analysis, Summarizer SDK, localization for Spanish</t>
  </si>
  <si>
    <t>SAP ERP HCM, localization for Belarus</t>
  </si>
  <si>
    <t>SAP Enterprise Point-of-Sale</t>
  </si>
  <si>
    <t>SAP address directory, monthly version for Residential Delivery Indicator</t>
  </si>
  <si>
    <t>SAP HANA Live for Financial Close</t>
  </si>
  <si>
    <t>SAP 3D Visual Enterprise structure manager</t>
  </si>
  <si>
    <t>Social MeetUp by SAP</t>
  </si>
  <si>
    <t>SAP Collaborative E-Care Management</t>
  </si>
  <si>
    <t>SAP 3D Visual Enterprise Access</t>
  </si>
  <si>
    <t>SAP Cart Approval</t>
  </si>
  <si>
    <t>SAP HANA Live for Event Management</t>
  </si>
  <si>
    <t>SAP address directory for Singapore</t>
  </si>
  <si>
    <t>FUZZY! Post Data for Luxemburg</t>
  </si>
  <si>
    <t>Industrial Machinery and Components</t>
  </si>
  <si>
    <t>SAP Business One, add-on for ELSTER</t>
  </si>
  <si>
    <t>project "Cloudifier"</t>
  </si>
  <si>
    <t>SAP RealSpend for iPad</t>
  </si>
  <si>
    <t>SAP BusinessObjects Text Analysis, extract server, localization for Dutch</t>
  </si>
  <si>
    <t>SOLMAN Custom Code Management</t>
  </si>
  <si>
    <t>BusinessObjects Data Quality Management, version for Oracle</t>
  </si>
  <si>
    <t>SAP Data Quality Management for SAP NetWeaver MDM</t>
  </si>
  <si>
    <t>SAP InfiniteInsight, OEM edition</t>
  </si>
  <si>
    <t>SAP Retail Execution for Windows Mobile</t>
  </si>
  <si>
    <t>retail account origination for banking</t>
  </si>
  <si>
    <t>SAP NetWeaver Process Integration, adapters</t>
  </si>
  <si>
    <t>SAP Solution Manager, version for SAP HANA</t>
  </si>
  <si>
    <t>SAP Learning Assistant V2 for iPad</t>
  </si>
  <si>
    <t>SAP E-Invoicing Compliance OnDemand</t>
  </si>
  <si>
    <t>Sybase SDK, DBLib Kerberos Authentication Option</t>
  </si>
  <si>
    <t>SAP Advanced Planning and Optimization, data management toolkit</t>
  </si>
  <si>
    <t>SAP BusinessObjects Knowledge Accelerator, planning edition</t>
  </si>
  <si>
    <t>SAP CRM Sales</t>
  </si>
  <si>
    <t>SAP Hybris Cloud for Customer for Windows, extended edition, source code shipment</t>
  </si>
  <si>
    <t>SAP EHS Regulatory Content package for EMEA and APJ</t>
  </si>
  <si>
    <t>Higher Education and Research</t>
  </si>
  <si>
    <t>SAP Contract Accounts Receivable and Payable</t>
  </si>
  <si>
    <t>electronic ledger management</t>
  </si>
  <si>
    <t>SOLMAN IT Service Management</t>
  </si>
  <si>
    <t>UI add-on for SAP Supplier Relationship Management</t>
  </si>
  <si>
    <t>SAP geocoding</t>
  </si>
  <si>
    <t>SAP Smart Business for commercial project management</t>
  </si>
  <si>
    <t>SAP Sanctioned-Party List for iPhone</t>
  </si>
  <si>
    <t>composite application for creating project logs</t>
  </si>
  <si>
    <t>SAP EHS Regulatory Content dangerous goods package</t>
  </si>
  <si>
    <t>SAP Extended Warehouse Management, add-on for consumer products</t>
  </si>
  <si>
    <t>SAP BusinessObjects Intelligent Search</t>
  </si>
  <si>
    <t>Utilities</t>
  </si>
  <si>
    <t>SAP HANA Live for SAP Event Management and SAP Transportation Management 9.3 cross-analytics</t>
  </si>
  <si>
    <t>FIN Posting and Taxes</t>
  </si>
  <si>
    <t>RWD Info Pak Help Launchpad</t>
  </si>
  <si>
    <t>TwoGo by SAP</t>
  </si>
  <si>
    <t>SAP Lean Planning and Operations</t>
  </si>
  <si>
    <t>SAP StreamWork Feed Updates</t>
  </si>
  <si>
    <t>SAP Purchasing Rapid Mart for Oracle</t>
  </si>
  <si>
    <t>Sybase Aleri Streaming Platform</t>
  </si>
  <si>
    <t>SAP Postalsoft FirstPrep</t>
  </si>
  <si>
    <t>SAP BusinessObjects geocoding for United States (parcel point) by TomTom</t>
  </si>
  <si>
    <t>SAP Cloud for Travel and Expense</t>
  </si>
  <si>
    <t>SAP Fiori for SAP Master Data Governance</t>
  </si>
  <si>
    <t>SAP BusinessObjects Roambi Flow for iOS</t>
  </si>
  <si>
    <t>SAP Workforce Performance Builder, enterprise edition</t>
  </si>
  <si>
    <t>FUZZY! Post Data for Finland</t>
  </si>
  <si>
    <t>BusinessObjects Text Analysis, LinguistX platform SDK, localization for Thai</t>
  </si>
  <si>
    <t>SAP NetWeaver Application Server</t>
  </si>
  <si>
    <t>data cleansing package for SAP BusinessObjects BI, Edge edition, version with data management</t>
  </si>
  <si>
    <t>SAP BusinessObjects Text Analysis, extract server, localization for Hebrew</t>
  </si>
  <si>
    <t>SAP Landscape Management, enterprise edition</t>
  </si>
  <si>
    <t>SAP NetWeaver Application Server for ABAP for SAP Business Suite</t>
  </si>
  <si>
    <t>BusinessObjects Planning, extended edition</t>
  </si>
  <si>
    <t>code name "Edison"</t>
  </si>
  <si>
    <t>SAP Sales and Operations Planning rapid-deployment solution</t>
  </si>
  <si>
    <t>NW Java Developer Studio (NWDS)</t>
  </si>
  <si>
    <t>SAP 3D Visual Enterprise Viewer for iPad</t>
  </si>
  <si>
    <t>project "Magellan"</t>
  </si>
  <si>
    <t>SAP Field Service for Windows Mobile</t>
  </si>
  <si>
    <t>SAP Add-On Assembly Kit</t>
  </si>
  <si>
    <t>BW Analytic Engine (OLAP)</t>
  </si>
  <si>
    <t>SAP InnoJam</t>
  </si>
  <si>
    <t>SAP Condition-Based Maintenance rapid-deployment solution</t>
  </si>
  <si>
    <t>SAP NetWeaver Application Server for ABAP, OEM version</t>
  </si>
  <si>
    <t>BW Planning</t>
  </si>
  <si>
    <t>Topic</t>
  </si>
  <si>
    <t>SAP BusinessObjects BI, Edge edition, standard package (not for connection to SAP ERP)</t>
  </si>
  <si>
    <t>SAP R/3 add-on for engineering, construction, and operations</t>
  </si>
  <si>
    <t>corporate payment connector for HSBC</t>
  </si>
  <si>
    <t>SAP Solution Manager, enterprise edition</t>
  </si>
  <si>
    <t>SAP Dealer Business Management, add-on for China</t>
  </si>
  <si>
    <t>Security Software</t>
  </si>
  <si>
    <t>SAP Geographical Enablement Framework</t>
  </si>
  <si>
    <t>BusinessObjects Text Analysis, Summarizer SDK, localization for Italian</t>
  </si>
  <si>
    <t>ABAP Testing and Analysis</t>
  </si>
  <si>
    <t>SmartOps Adaptive Structural Forecasting</t>
  </si>
  <si>
    <t>SAP CRM Service Manager</t>
  </si>
  <si>
    <t>SAP address directory for Austria</t>
  </si>
  <si>
    <t>SAP Portfolio and Project Management</t>
  </si>
  <si>
    <t>SAP Rural Sourcing Management</t>
  </si>
  <si>
    <t>SAP Knowledge Acceleration for SAP BusinessObjects Planning and Consolidation, Edge edition</t>
  </si>
  <si>
    <t>SAP Grower Management for Perishables by Vistex</t>
  </si>
  <si>
    <t>FIN Asset Accounting</t>
  </si>
  <si>
    <t>SAP Supply Chain Management, enterprise services bundle</t>
  </si>
  <si>
    <t>SAP RealSpend</t>
  </si>
  <si>
    <t>SAP Transactionware Enterprise</t>
  </si>
  <si>
    <t>SAP Fixed Assets Rapid Mart</t>
  </si>
  <si>
    <t>SAP BusinessObjects BI, Edge edition, version with data integration (not for connection to SAP ERP)</t>
  </si>
  <si>
    <t>Software Logistics</t>
  </si>
  <si>
    <t>SAP HANA Live for SAP Business Suite foundation component</t>
  </si>
  <si>
    <t>SAP Tax Declaration Framework for Brazil</t>
  </si>
  <si>
    <t>ABAP Development</t>
  </si>
  <si>
    <t>BusinessObjects Data Integrator Interfaces</t>
  </si>
  <si>
    <t>BusinessObjects Text Analysis, LinguistX platform SDK, localization for Czech</t>
  </si>
  <si>
    <t>SAP FKOM</t>
  </si>
  <si>
    <t>SAP Information Interchange OnDemand</t>
  </si>
  <si>
    <t>intercompany data exchange for Swiss electric companies</t>
  </si>
  <si>
    <t>SAP Sales Order Notification for iPhone</t>
  </si>
  <si>
    <t>BusinessObjects Text Analysis, ThingFinder SDK, localization for Catalan</t>
  </si>
  <si>
    <t>SAP BusinessObjects Planning and Consolidation, version for the Microsoft platform</t>
  </si>
  <si>
    <t>Crystal Enterprise</t>
  </si>
  <si>
    <t>SAP BusinessObjects Text Analysis server, version for OEMs</t>
  </si>
  <si>
    <t>SAP Fiori for SAP Customer Activity Repository retail applications bundle</t>
  </si>
  <si>
    <t>Syclo SMART Work Manager with Calibrations for Maximo</t>
  </si>
  <si>
    <t>Automotive</t>
  </si>
  <si>
    <t>BusinessObjects Text Analysis, ThingFinder SDK, localization for Hungarian</t>
  </si>
  <si>
    <t>SAP Carbon Impact OnDemand</t>
  </si>
  <si>
    <t>SAP HANA Live for Insurance</t>
  </si>
  <si>
    <t>SAP Receivables Manager for Windows tablets</t>
  </si>
  <si>
    <t>SAP Business Package for Rosettanet</t>
  </si>
  <si>
    <t>CRM Analytics</t>
  </si>
  <si>
    <t>Duet</t>
  </si>
  <si>
    <t>SAP Leave Request for iPhone</t>
  </si>
  <si>
    <t>SAP BusinessObjects Roambi Analytics for Windows, internal customer enterprise ed., cross-platform v</t>
  </si>
  <si>
    <t>SAP Crystal Reports, version for SAP HANA</t>
  </si>
  <si>
    <t>SAP Authentication 365</t>
  </si>
  <si>
    <t>SAP BusinessObjects Cloud</t>
  </si>
  <si>
    <t>project "Medical Research Insights"</t>
  </si>
  <si>
    <t>SAP Customer Financial Fact Sheet</t>
  </si>
  <si>
    <t>Media</t>
  </si>
  <si>
    <t>SAP BusinessObjects Knowledge Accelerator, Edge edition</t>
  </si>
  <si>
    <t>Marketing</t>
  </si>
  <si>
    <t>SAP Cloud for Financials mobile app</t>
  </si>
  <si>
    <t>SAP HR Approvals for iPhone</t>
  </si>
  <si>
    <t>SAP BusinessObjects Mobile for BlackBerry</t>
  </si>
  <si>
    <t>E-Care Data Connect</t>
  </si>
  <si>
    <t>SAP StreamWork</t>
  </si>
  <si>
    <t>SAP Customer Checkout</t>
  </si>
  <si>
    <t>SAP Complex Manufacturing Accelerator for iPad</t>
  </si>
  <si>
    <t>BusinessObjects Text Analysis, ThingFinder SDK, localization for Danish</t>
  </si>
  <si>
    <t>SAP XBRL Publishing by UBmatrix</t>
  </si>
  <si>
    <t>SAP Travel Expense Approval for BlackBerry</t>
  </si>
  <si>
    <t>SAP xApp Product Definition</t>
  </si>
  <si>
    <t>SAP BusinessObjects Data Visualization, TableLens SDK for Dotnet</t>
  </si>
  <si>
    <t>SAP Interview Assistant</t>
  </si>
  <si>
    <t>BusinessObjects Data Quality Management for Data Integrator</t>
  </si>
  <si>
    <t>SAP Critical Infrastructure Protection by AlertEnterprise</t>
  </si>
  <si>
    <t>SAP Asset Intelligence Network</t>
  </si>
  <si>
    <t>SAP SuccessFactors Onboarding</t>
  </si>
  <si>
    <t>adaptor for SAP Productivity Pak by ANCILE</t>
  </si>
  <si>
    <t>SAP Authenticator</t>
  </si>
  <si>
    <t>BusinessObjects Data Quality Management, version for Siebel E-Business</t>
  </si>
  <si>
    <t>Dell Boomi AtomSphere</t>
  </si>
  <si>
    <t>business process blueprint</t>
  </si>
  <si>
    <t>BusinessObjects Knowledge Accelerator, version for BusinessObjects Desktop Intelligence</t>
  </si>
  <si>
    <t>BW SAP HANA Data Warehousing</t>
  </si>
  <si>
    <t>SAP Recipe Management</t>
  </si>
  <si>
    <t>SAP cProject Suite</t>
  </si>
  <si>
    <t>SAP Trade Repository Reporting by Virtusa</t>
  </si>
  <si>
    <t>Security</t>
  </si>
  <si>
    <t>SAP Point-of-Sale by GK</t>
  </si>
  <si>
    <t>SAP HANA Info Access</t>
  </si>
  <si>
    <t>IBM z/OS</t>
  </si>
  <si>
    <t>Business Objects Performance Management</t>
  </si>
  <si>
    <t>Sybase EnterpriseConnect Data Access</t>
  </si>
  <si>
    <t>SAP Customer Financial Factsheet</t>
  </si>
  <si>
    <t>Web interface for discrete industries</t>
  </si>
  <si>
    <t>HCM (Human Capital Management)</t>
  </si>
  <si>
    <t>accelerated application delivery for OEMs</t>
  </si>
  <si>
    <t>pension return for the Netherlands</t>
  </si>
  <si>
    <t>connector for SAP Financial Services Network</t>
  </si>
  <si>
    <t>banking services from SAP</t>
  </si>
  <si>
    <t>SAP Utilities Issue Reporter for iPhone</t>
  </si>
  <si>
    <t>SAP Smart Business for retail promotion execution</t>
  </si>
  <si>
    <t>SAP BusinessObjects Knowledge Accelerator, version for SAP BusinessObjects Explorer</t>
  </si>
  <si>
    <t>SAP Policy Management, add-on for group insurance</t>
  </si>
  <si>
    <t>SAP Intercompany Data Exchange for German Electric Utilities</t>
  </si>
  <si>
    <t>SAP BusinessObjects Business Intelligence platform for Android</t>
  </si>
  <si>
    <t>SAP BusinessObjects Performance Analytics for Engineering, Construction, and Operations</t>
  </si>
  <si>
    <t>logging of SAP NetWeaver BW access</t>
  </si>
  <si>
    <t>SAP Mobile Inclusive Banking</t>
  </si>
  <si>
    <t>SAP Policy Management add-on for auto insurance</t>
  </si>
  <si>
    <t>SAP GRC Policy Survey</t>
  </si>
  <si>
    <t>SAP Replication Agent, option for IBM DB2</t>
  </si>
  <si>
    <t>SAP Mobile Sales</t>
  </si>
  <si>
    <t>SAP Knowledge Acceleration, version for SAP BusinessObjects Web Intelligence</t>
  </si>
  <si>
    <t>SAP SuccessFactors Recruiting</t>
  </si>
  <si>
    <t>SCM BCS Business Consolidation</t>
  </si>
  <si>
    <t>SAP AR Service Technician for Android</t>
  </si>
  <si>
    <t>SAP Railcar Management tracking add-on</t>
  </si>
  <si>
    <t>BusinessObjects Text Analysis, LinguistX platform SDK</t>
  </si>
  <si>
    <t>SAP EHS Regulatory Content material safety data sheet (MSDS) templates for the Americas</t>
  </si>
  <si>
    <t>dynamic test scripts</t>
  </si>
  <si>
    <t>SCM APO Demand Planning (FCS)</t>
  </si>
  <si>
    <t>BusinessObjects Text Analysis, LinguistX platform SDK, localization for Croatian</t>
  </si>
  <si>
    <t>advanced data synchronization framework for mobile asset management</t>
  </si>
  <si>
    <t>SAP Exchange Infrastructure</t>
  </si>
  <si>
    <t>BusinessObjects Knowledge Accelerator, version for BusinessObjects Voyager</t>
  </si>
  <si>
    <t>FUZZY! Post Data for Switzerland</t>
  </si>
  <si>
    <t>SAP Ariba Live</t>
  </si>
  <si>
    <t>BusinessObjects Text Analysis, ThingFinder SDK, localization for Arabic</t>
  </si>
  <si>
    <t>SAP Portfolio and Project Management for Portfolio Analysis rapid-deployment solution</t>
  </si>
  <si>
    <t>SAP Sales Pipeline Simulator</t>
  </si>
  <si>
    <t>SAP Plant Connectivity</t>
  </si>
  <si>
    <t>SAP address directory for India</t>
  </si>
  <si>
    <t>SAP SuccessFactors Workforce Analytics</t>
  </si>
  <si>
    <t>SAP Dynamic Authorization Management by NextLabs</t>
  </si>
  <si>
    <t>SAP Capital Yield Tax Management for Banking</t>
  </si>
  <si>
    <t>SAP BusinessObjects geocoding for Germany by NAVTEQ</t>
  </si>
  <si>
    <t>SAP NetWeaver Enterprise Search</t>
  </si>
  <si>
    <t>SAP Predictive Maintenance and Service</t>
  </si>
  <si>
    <t>SAP Replication Server, option for Oracle</t>
  </si>
  <si>
    <t>SAP ERP Order Status for iPhone</t>
  </si>
  <si>
    <t>SAP Process Mining by Celonis</t>
  </si>
  <si>
    <t>SCM APO SAP LiveCache</t>
  </si>
  <si>
    <t>SAP XBRL Publishing by UBMatrix</t>
  </si>
  <si>
    <t>SAP Cloud for Product Stewardship</t>
  </si>
  <si>
    <t>HP-UX</t>
  </si>
  <si>
    <t>SAP Sales and Operations Planning (SAP SOP)</t>
  </si>
  <si>
    <t>SAP Learning Solution</t>
  </si>
  <si>
    <t>SAP Crystal Reports, version for SAP Business One</t>
  </si>
  <si>
    <t>prepayment for utilities</t>
  </si>
  <si>
    <t>SAP Player Fitness</t>
  </si>
  <si>
    <t>SAP Inventory Manager</t>
  </si>
  <si>
    <t>SAP Knowledge Warehouse</t>
  </si>
  <si>
    <t>SAP BusinessObjects Text Analysis, extract server, localization for Danish</t>
  </si>
  <si>
    <t>SAP Identity Management</t>
  </si>
  <si>
    <t>SAP SuccessFactors Mobile</t>
  </si>
  <si>
    <t>SAP ERP Central Component for discrete industries</t>
  </si>
  <si>
    <t>SAP Fundraising Management</t>
  </si>
  <si>
    <t>SAP Inventory Manager mobile app</t>
  </si>
  <si>
    <t>BusinessObjects Text Analysis, ThingFinder SDK, localization for simplified Chinese</t>
  </si>
  <si>
    <t>SAP Policyholder Lookup for iPhone</t>
  </si>
  <si>
    <t>SAP Mobile Documents for Android</t>
  </si>
  <si>
    <t>SAP BusinessObjects Financial Consolidation, localization for French IFRS</t>
  </si>
  <si>
    <t>SAP Leave Request</t>
  </si>
  <si>
    <t>SAP Jam Collaboration</t>
  </si>
  <si>
    <t>HCM Payroll USA</t>
  </si>
  <si>
    <t>Sybase Open Switch</t>
  </si>
  <si>
    <t>SAP Fiori for SAP Commercial Project Management</t>
  </si>
  <si>
    <t>SAP Agricultural Contract Management</t>
  </si>
  <si>
    <t>SAP EMR Unwired for iOS</t>
  </si>
  <si>
    <t>SAP Accounts Receivable Rapid Mart for PeopleSoft</t>
  </si>
  <si>
    <t>SAP Secondary Distribution for Oil &amp; Gas</t>
  </si>
  <si>
    <t>UI SAP GUI for Windows</t>
  </si>
  <si>
    <t>SAP Postalsoft Address Correction and Encoding</t>
  </si>
  <si>
    <t>SAP Invoice and Goods Receipt Reconciliation</t>
  </si>
  <si>
    <t>SAP Quality Center by HPE, premier edition</t>
  </si>
  <si>
    <t>logging of Web Client UI</t>
  </si>
  <si>
    <t>Integration and Certification Center</t>
  </si>
  <si>
    <t>SAP BusinessObjects Roambi publishing client for SAP BusinessObjects BI 4.1</t>
  </si>
  <si>
    <t>SAP BusinessObjects Roambi publishing client for SAP BusinessObjects BI 4.0</t>
  </si>
  <si>
    <t>SAP BusinessObjects Roambi publishing client for SAP BusinessObjects BI 4.2</t>
  </si>
  <si>
    <t>SAP Assessment Management by Questionmark</t>
  </si>
  <si>
    <t>SAP address directories</t>
  </si>
  <si>
    <t>SAP Flexible Solution Billing</t>
  </si>
  <si>
    <t>SAP address directory for Czech Republic</t>
  </si>
  <si>
    <t>SAP BusinessObjects Text Analysis, extract server, localization for Japanese</t>
  </si>
  <si>
    <t>BusinessObjects Data Quality Management, version for Oracle's PeopleSoft Campus Solutions</t>
  </si>
  <si>
    <t>SAP ERP, localization extensions</t>
  </si>
  <si>
    <t>financial foundation</t>
  </si>
  <si>
    <t>BusinessObjects Text Analysis, categorizer workbench, localization for Arabic</t>
  </si>
  <si>
    <t>BusinessObjects Spatial IQ</t>
  </si>
  <si>
    <t>SAP EHS Regulatory Content material safety data sheet (MSDS) templates for APJ</t>
  </si>
  <si>
    <t>BusinessObjects Text Analysis, ThingFinder SDK, professional version</t>
  </si>
  <si>
    <t>FUZZY! Post Data for Slovakia</t>
  </si>
  <si>
    <t>SAP Jam Communities</t>
  </si>
  <si>
    <t>SAP Customer Briefing</t>
  </si>
  <si>
    <t>SAP Capital Yield Tax Management</t>
  </si>
  <si>
    <t>Internationalization and Unicode</t>
  </si>
  <si>
    <t>SAP BusinessObjects Financial Consolidation starter kit for Japanese GAAP</t>
  </si>
  <si>
    <t>SAP NetWeaver Application Server for ABAP</t>
  </si>
  <si>
    <t>SAP Text Analysis</t>
  </si>
  <si>
    <t>Open PS for Microsoft Access</t>
  </si>
  <si>
    <t>SAP Sales Companion for iPad</t>
  </si>
  <si>
    <t>SAP enhancement package for SAP Supply Chain Management</t>
  </si>
  <si>
    <t>SAP R/3 Enterprise add-on for telecommunications</t>
  </si>
  <si>
    <t>SAP BusinessObjects Quality Management for Healthcare</t>
  </si>
  <si>
    <t>SAP HANA Live for SAP Global Batch Traceability</t>
  </si>
  <si>
    <t>SAP Public Budget Formulation</t>
  </si>
  <si>
    <t>Customer Involvement</t>
  </si>
  <si>
    <t>SAP Real Estate Management</t>
  </si>
  <si>
    <t>SAP Accelerated Trade Promotion Planning, edition for Microsoft Excel</t>
  </si>
  <si>
    <t>SAP address directory for Bulgaria</t>
  </si>
  <si>
    <t>Sybase Event Stream Processor</t>
  </si>
  <si>
    <t>SAP BusinessObjects Roambi Flow iOS, demo version</t>
  </si>
  <si>
    <t>SAP Hybris Digital Documents by OpenText</t>
  </si>
  <si>
    <t>SAP User Experience Monitor</t>
  </si>
  <si>
    <t>SAP BusinessObjects Roambi</t>
  </si>
  <si>
    <t>SAP Hybris Cloud for Customer integration with SAP Hybris Marketing</t>
  </si>
  <si>
    <t>SAP Data Quality Management</t>
  </si>
  <si>
    <t>SAP HANA Live for Flexible Real Estate Management</t>
  </si>
  <si>
    <t>SAP Transportation Management</t>
  </si>
  <si>
    <t>SAP Lessee Contract Management</t>
  </si>
  <si>
    <t>SAP Accounts Payable Rapid Mart</t>
  </si>
  <si>
    <t>SAP Smart Business for transportation management</t>
  </si>
  <si>
    <t>SAP HANA smart data integration</t>
  </si>
  <si>
    <t>SAP GRC Access Approver for Android</t>
  </si>
  <si>
    <t>SAP Common Area Maintenance Expense Recovery</t>
  </si>
  <si>
    <t>BusinessObjects Rapid Mart E-Caches</t>
  </si>
  <si>
    <t>SAP Yard Logistics</t>
  </si>
  <si>
    <t>SAP Claims Management</t>
  </si>
  <si>
    <t>SAP Business ByDesign mobile</t>
  </si>
  <si>
    <t>Sybase HIPAA Accelerator</t>
  </si>
  <si>
    <t>SAP BusinessObjects Business Intelligence, Edge edition, version with data management</t>
  </si>
  <si>
    <t>SAP Accounts Payable Rapid Mart for PeopleSoft</t>
  </si>
  <si>
    <t>SAP Intercompany Data Exchange for German Metering</t>
  </si>
  <si>
    <t>SAP Smart Business for SAP S/4HANA Finance</t>
  </si>
  <si>
    <t>SAP Retail Store Ops Associate for iPhone</t>
  </si>
  <si>
    <t>SAP Digital for Customer Engagement mobile app</t>
  </si>
  <si>
    <t>SAP PLM interface to AutoCad</t>
  </si>
  <si>
    <t>BusinessObjects Text Analysis, LinguistX platform SDK, localization for Greek</t>
  </si>
  <si>
    <t>Sybase EDI Server</t>
  </si>
  <si>
    <t>SAP Java Virtual Machine</t>
  </si>
  <si>
    <t>SAP Timesheet for iPhone</t>
  </si>
  <si>
    <t>SAP Product Stewardship Network</t>
  </si>
  <si>
    <t>BusinessObjects Text Analysis, ThingFinder SDK, localization for Swedish</t>
  </si>
  <si>
    <t>SAP Web Application Server for SAP S/4HANA</t>
  </si>
  <si>
    <t>HR renewal, localization for CEE countries</t>
  </si>
  <si>
    <t>SAP Supply Chain Management, add-on for transportation management</t>
  </si>
  <si>
    <t>SAP Shopper Experience for Android</t>
  </si>
  <si>
    <t>SAP BusinessObjects geocoding for Switzerland by NAVTEQ</t>
  </si>
  <si>
    <t>SAP Supplier Relationship Management, enterprise services bundle</t>
  </si>
  <si>
    <t>SAP Crystal Reports, version for Visual Studio</t>
  </si>
  <si>
    <t>SAP PLM interface to AutoCad e-desktop</t>
  </si>
  <si>
    <t>SAP BusinessObjects geo parcel for United States by NAVTEQ</t>
  </si>
  <si>
    <t>BusinessObjects Text Analysis, LinguistX platform SDK, localization for Farsi</t>
  </si>
  <si>
    <t>SAP HR Approvals for BlackBerry</t>
  </si>
  <si>
    <t>SAP Document Access by OpenText</t>
  </si>
  <si>
    <t>Sales</t>
  </si>
  <si>
    <t>SAP Travel Expense Approval for iPhone</t>
  </si>
  <si>
    <t>SAP Quality Issue Management</t>
  </si>
  <si>
    <t>SAP Policy Management, extension for group insurance</t>
  </si>
  <si>
    <t>SAP Workforce Performance Builder, desktop edition</t>
  </si>
  <si>
    <t>Syclo SMART Auditor for Maximo</t>
  </si>
  <si>
    <t>Life Sciences</t>
  </si>
  <si>
    <t>SAP Knowledge Acceleration, version for SAP ERP: Accounts Payable</t>
  </si>
  <si>
    <t>BusinessObjects Text Analysis, LinguistX platform SDK, localization for Japanese</t>
  </si>
  <si>
    <t>RWD Info Pak Simulator</t>
  </si>
  <si>
    <t>SAP Service Level Optimization by SmartOps</t>
  </si>
  <si>
    <t>SAP Fiori for SAP Solution Manager</t>
  </si>
  <si>
    <t>SAP Rounds Manager mobile app</t>
  </si>
  <si>
    <t>BusinessObjects Text Analysis, ThingFinder SDK, localization for traditional Chinese</t>
  </si>
  <si>
    <t>SAP SuccessFactors HCM Suite</t>
  </si>
  <si>
    <t>SAP Mobile Asset Management</t>
  </si>
  <si>
    <t>SAP Railcar Management Component</t>
  </si>
  <si>
    <t>SAP Business ByDesign</t>
  </si>
  <si>
    <t>BusinessObjects Text Analysis, ThingFinder SDK</t>
  </si>
  <si>
    <t>SAP Accounting Doc Approver</t>
  </si>
  <si>
    <t>SAP PLM interface to SolidWorks</t>
  </si>
  <si>
    <t>SAP Reinsurance Management</t>
  </si>
  <si>
    <t>SAP API Management, cloud edition</t>
  </si>
  <si>
    <t>SAP Manager Insight</t>
  </si>
  <si>
    <t>FUZZY! Post Data for Estonia</t>
  </si>
  <si>
    <t>lifecycle management for SAP BusinessObjects Enterprise</t>
  </si>
  <si>
    <t>SAP address directory for Luxemburg</t>
  </si>
  <si>
    <t>SAP Customer Activity Repository, unified demand forecast component</t>
  </si>
  <si>
    <t>SAP SMS 365 Dashboard for iOS SDK</t>
  </si>
  <si>
    <t>Travel and Transportation</t>
  </si>
  <si>
    <t>SAP HR Rapid Mart for PeopleSoft</t>
  </si>
  <si>
    <t>IBM i</t>
  </si>
  <si>
    <t>SAP Mobile Asset Management 1.0</t>
  </si>
  <si>
    <t>SAP Patient Management</t>
  </si>
  <si>
    <t>SAP Capital Markets Trading by Calypso</t>
  </si>
  <si>
    <t>BusinessObjects Text Analysis, Summarizer SDK, localization for Nynorsk</t>
  </si>
  <si>
    <t>BusinessObjects Integrator</t>
  </si>
  <si>
    <t>Ariba Cloud Integration</t>
  </si>
  <si>
    <t>SAP Farm Management by Vistex</t>
  </si>
  <si>
    <t>IBM AIX</t>
  </si>
  <si>
    <t>SAP Advanced Planning and Optimization for SAP ERP</t>
  </si>
  <si>
    <t>Track Sales Order</t>
  </si>
  <si>
    <t>SAP Inside Track</t>
  </si>
  <si>
    <t>SAP Knowledge Acceleration, version for navigation</t>
  </si>
  <si>
    <t>SAP address directory for China</t>
  </si>
  <si>
    <t>SAP Business Banking</t>
  </si>
  <si>
    <t>SAP ERP HCM, localization for CEE</t>
  </si>
  <si>
    <t>SAP BusinessObjects Text Analysis, analysis server, localization for Farsi</t>
  </si>
  <si>
    <t>Telecommunications</t>
  </si>
  <si>
    <t>SAP Social Media Analytics by NetBase</t>
  </si>
  <si>
    <t>SAP Production and Revenue Accounting, add-on for reporting and processing</t>
  </si>
  <si>
    <t>My Shopping Cart</t>
  </si>
  <si>
    <t>SAP Data Quality Management, version for Oracle's Siebel Universal Customer Master</t>
  </si>
  <si>
    <t>SAP Intercompany Data Exchange for German Electricity Feed</t>
  </si>
  <si>
    <t>SAP System Monitoring</t>
  </si>
  <si>
    <t>SAP Transport Notification and Status</t>
  </si>
  <si>
    <t>SAP Energy and Environmental Intelligence</t>
  </si>
  <si>
    <t>SAP Claims Management, localization version</t>
  </si>
  <si>
    <t>SAP BusinessObjects Text Analysis, extract server, localization for German</t>
  </si>
  <si>
    <t>SAP Configure, Price, and Quote for product configuration</t>
  </si>
  <si>
    <t>SAP Fiori for SAP Information Lifecycle Management</t>
  </si>
  <si>
    <t>SAP Smart Business for SAP Fashion Management</t>
  </si>
  <si>
    <t>SAP Postalsoft Presort</t>
  </si>
  <si>
    <t>SAP Sales Rapid Mart for Oracle</t>
  </si>
  <si>
    <t>SAP Social Contact Intelligence for iPhone</t>
  </si>
  <si>
    <t>FUZZY! Post Data for Belgium</t>
  </si>
  <si>
    <t>SAP Advanced Data Migration by BackOffice Associates</t>
  </si>
  <si>
    <t>SAP Process Control</t>
  </si>
  <si>
    <t>HCM Personnel Development</t>
  </si>
  <si>
    <t>BusinessObjects Text Analysis, ThingFinder SDK, localization for Finnish</t>
  </si>
  <si>
    <t>BusinessObjects Financial Governance</t>
  </si>
  <si>
    <t>SAP Regulation Management by Greenlight, cyber governance edition</t>
  </si>
  <si>
    <t>Using SAP.com</t>
  </si>
  <si>
    <t>SAP Returns Authorization</t>
  </si>
  <si>
    <t>NW ABAP Business Rule Framework (BRFplus)</t>
  </si>
  <si>
    <t>Coffee Corner</t>
  </si>
  <si>
    <t>BusinessObjects Text Analysis, ThingFinder SDK, localization for Korean</t>
  </si>
  <si>
    <t>SAP Open Scale Management by GK</t>
  </si>
  <si>
    <t>analytic blueprints from SAP</t>
  </si>
  <si>
    <t>SAP address directory for Spain</t>
  </si>
  <si>
    <t>SAP BusinessObjects Contracts Rapid Mart for Oracle</t>
  </si>
  <si>
    <t>SAP Accounts Receivable Rapid Mart</t>
  </si>
  <si>
    <t>UI Web Dynpro Java</t>
  </si>
  <si>
    <t>SAP Customer Financial Fact Sheet for Android</t>
  </si>
  <si>
    <t>SAP NetWeaver live environment</t>
  </si>
  <si>
    <t>BusinessObjects Text Analysis, Summarizer SDK, localization for Catalan</t>
  </si>
  <si>
    <t>SAP In-Store Product Lookup</t>
  </si>
  <si>
    <t>SAP Liquidity Management for Banking</t>
  </si>
  <si>
    <t>SAP Hybris Cloud for Customer mobile app, extended edition</t>
  </si>
  <si>
    <t>SAP HANA Live for SAP CRM</t>
  </si>
  <si>
    <t>SAP Multiresource Scheduling</t>
  </si>
  <si>
    <t>BusinessObjects Text Analysis, Summarizer SDK, localization for Dutch</t>
  </si>
  <si>
    <t>SAP Transportation Management, localization for Russia</t>
  </si>
  <si>
    <t>FUZZY! Post Data for Greece</t>
  </si>
  <si>
    <t>Database</t>
  </si>
  <si>
    <t>SAP Application Visualization by iRise, add-on for general SAP solutions</t>
  </si>
  <si>
    <t>SAP enterprise modeling applications by Software AG</t>
  </si>
  <si>
    <t>HCM Payroll Switzerland</t>
  </si>
  <si>
    <t>MAN Production Planning (PP)</t>
  </si>
  <si>
    <t>SAP Sourcing, integration with SAP ERP</t>
  </si>
  <si>
    <t>Track Shipments</t>
  </si>
  <si>
    <t>SAP BusinessObjects BW Universe Builder</t>
  </si>
  <si>
    <t>SAP Fiori for SAP ERP</t>
  </si>
  <si>
    <t>SAP Productivity Pak by ANCILE</t>
  </si>
  <si>
    <t>SAP Business Process Optimization by Software AG</t>
  </si>
  <si>
    <t>SAP Document Builder</t>
  </si>
  <si>
    <t>Solution</t>
  </si>
  <si>
    <t>Adobe Social from SAP</t>
  </si>
  <si>
    <t>SAP ERP integration with Concur software</t>
  </si>
  <si>
    <t>SAP Postalsoft Printform</t>
  </si>
  <si>
    <t>SAP enhancement package for SAP CRM</t>
  </si>
  <si>
    <t>SAP Real Estate Management, localization for CEE countries</t>
  </si>
  <si>
    <t>PLM Document Management System (DMS)</t>
  </si>
  <si>
    <t>SAP Fraud Detection Calibrator</t>
  </si>
  <si>
    <t>SAP BusinessObjects Integration, version for Microsoft Outlook</t>
  </si>
  <si>
    <t>SAP Visual Business</t>
  </si>
  <si>
    <t>SAP HANA, version for IBM Power Systems architecture</t>
  </si>
  <si>
    <t>SAP Transportation Resource Planning</t>
  </si>
  <si>
    <t>SAP Smart Business for real estate, executive edition</t>
  </si>
  <si>
    <t>Sybase Adaptive Server Enterprise Cluster Edition</t>
  </si>
  <si>
    <t>SAP Project Cockpit</t>
  </si>
  <si>
    <t>localizations for banking services from SAP</t>
  </si>
  <si>
    <t>SAP HANA, Internet of Things edition</t>
  </si>
  <si>
    <t>SAP BusinessObjects Roambi Analytics for iOS with Good Technology</t>
  </si>
  <si>
    <t>APP PLATFORM Business Partner</t>
  </si>
  <si>
    <t>SAP Food Service Inventory Manager for iOS</t>
  </si>
  <si>
    <t>SAP ERP expiration data management, localization for Japan</t>
  </si>
  <si>
    <t>SAP Policy Management</t>
  </si>
  <si>
    <t>SAP Work Manager for iOS</t>
  </si>
  <si>
    <t>attribute-based planning for supply network planning</t>
  </si>
  <si>
    <t>SAP EHS Regulatory Content safety data sheets authoring package</t>
  </si>
  <si>
    <t>SAP File Lifecycle Management, localization for India</t>
  </si>
  <si>
    <t>SAP Predictive Maintenance and Service, cloud edition</t>
  </si>
  <si>
    <t>BusinessObjects Text Analysis, categorizer workbench, localization for Russian</t>
  </si>
  <si>
    <t>FUZZY! Post Data for Norway</t>
  </si>
  <si>
    <t>Approve Purchase Orders</t>
  </si>
  <si>
    <t>SAP Customer Financial Fact Sheet for iPhone</t>
  </si>
  <si>
    <t>transaction availability for remote sites</t>
  </si>
  <si>
    <t>analytical banking extension for banking services from SAP</t>
  </si>
  <si>
    <t>SAP address directory for Mexico</t>
  </si>
  <si>
    <t>SAP BusinessObjects address directories for South Africa</t>
  </si>
  <si>
    <t>assessorial charge management</t>
  </si>
  <si>
    <t>SAP Workforce Performance Builder, manager option</t>
  </si>
  <si>
    <t>SAP Receivables Manager</t>
  </si>
  <si>
    <t>SAP BusinessObjects Postalsoft DataRight IQ</t>
  </si>
  <si>
    <t>SAP EHS Regulatory Content package for EMEA</t>
  </si>
  <si>
    <t>SAP ERP mobile services for utility companies, localization for India</t>
  </si>
  <si>
    <t>FUZZY! DataCare Tools</t>
  </si>
  <si>
    <t>SAP Dairy Management by msg</t>
  </si>
  <si>
    <t>SAP Accelerated Trade Promotion Planning</t>
  </si>
  <si>
    <t>SAP Work Manager</t>
  </si>
  <si>
    <t>SAP Web IDE</t>
  </si>
  <si>
    <t>SAP Human Capital Management for U.S. Federal Government Organizations</t>
  </si>
  <si>
    <t>SAP ERP, public sector localization for Portugal</t>
  </si>
  <si>
    <t>SAP BusinessObjects Data Visualization, TimeWall SDK for Java</t>
  </si>
  <si>
    <t>convergent invoicing enablement for SAP Transportation Management</t>
  </si>
  <si>
    <t>SAP Adaptive Server Enterprise Cluster Edition</t>
  </si>
  <si>
    <t>SAP address directories, global edition</t>
  </si>
  <si>
    <t>Mill Products</t>
  </si>
  <si>
    <t>SAP NetWeaver Application Server for Java</t>
  </si>
  <si>
    <t>SAP Event Stream Processor, adapter for Reuters Open Message Model (OMM)</t>
  </si>
  <si>
    <t>SAP User Experience Monitor for iOS</t>
  </si>
  <si>
    <t>BusinessObjects Text Analysis, Summarizer SDK, localization for Czech</t>
  </si>
  <si>
    <t>SAP Data Services, language option for text data processing SDK, OEM edition</t>
  </si>
  <si>
    <t>SAP R/3 add-on for mill products</t>
  </si>
  <si>
    <t>SAP API Management</t>
  </si>
  <si>
    <t>SAP Performance Analytics for Engineering, Construction, and Operations</t>
  </si>
  <si>
    <t>Sybase Mobile Workflow for SAP Business Suite</t>
  </si>
  <si>
    <t>SAP Travel Receipt Capture</t>
  </si>
  <si>
    <t>SAP BusinessObjects geocoding for France by NAVTEQ</t>
  </si>
  <si>
    <t>SAP R/3 add-on for Dun &amp; Bradstreet</t>
  </si>
  <si>
    <t>SAP BusinessObjects Federal Financials Rapid Mart for Oracle</t>
  </si>
  <si>
    <t>SAP HANA Live for SAP solutions for GRC</t>
  </si>
  <si>
    <t>CRM Marketing</t>
  </si>
  <si>
    <t>SAP SQL Anywhere, cloud edition</t>
  </si>
  <si>
    <t>SAP Fiori for request approvals</t>
  </si>
  <si>
    <t>SAP Hybris Knowledge Central by MindTouch</t>
  </si>
  <si>
    <t>Syclo SMART Inventory Manager for Maximo</t>
  </si>
  <si>
    <t>SAP Engineering Control Center interface to NX</t>
  </si>
  <si>
    <t>FIN Globalization Services</t>
  </si>
  <si>
    <t>SAP Fiori for SAP SRM</t>
  </si>
  <si>
    <t>SAP Document Center</t>
  </si>
  <si>
    <t>SAP Travel Expense Approval</t>
  </si>
  <si>
    <t>SAP Fiori app implementation foundation</t>
  </si>
  <si>
    <t>Manufacturing</t>
  </si>
  <si>
    <t>SAP Test Data Migration Server, business process library extension</t>
  </si>
  <si>
    <t>SAP Mobile Documents, OEM version</t>
  </si>
  <si>
    <t>SAP Cart Approval for Android</t>
  </si>
  <si>
    <t>Web interface for SAP EHS Management</t>
  </si>
  <si>
    <t>SAP WorkDeck</t>
  </si>
  <si>
    <t>SAP Community Tags</t>
  </si>
  <si>
    <t>Primary and secondary</t>
  </si>
  <si>
    <t>Allowed Tagging</t>
  </si>
  <si>
    <t>Secondary only</t>
  </si>
  <si>
    <t>17849765017455686912817263347948</t>
  </si>
  <si>
    <t>478365276179134788459108226555898</t>
  </si>
  <si>
    <t>452226995734089969488497968524231</t>
  </si>
  <si>
    <t>891349005586930604519575996418053</t>
  </si>
  <si>
    <t>266216885309448000234589693334884</t>
  </si>
  <si>
    <t>571267881358674984386133031541144</t>
  </si>
  <si>
    <t>Term ID</t>
  </si>
  <si>
    <t>Tag Page</t>
  </si>
  <si>
    <t>416894455820420072239036152312992</t>
  </si>
  <si>
    <t>523757421691906837442183267052576</t>
  </si>
  <si>
    <t>580913076837832717520572513123048</t>
  </si>
  <si>
    <t>432847304412867685958853184971807</t>
  </si>
  <si>
    <t>414520970114519380680684216781222</t>
  </si>
  <si>
    <t>785430894859484524744777813922285</t>
  </si>
  <si>
    <t>72472722867005232775920452375500</t>
  </si>
  <si>
    <t>565925756809677459043752802023517</t>
  </si>
  <si>
    <t>82972118795511538693897596675887</t>
  </si>
  <si>
    <t>755421404636447943131706525840948</t>
  </si>
  <si>
    <t>346083195931624615410618362498977</t>
  </si>
  <si>
    <t>673499795378732112340183023264489</t>
  </si>
  <si>
    <t>192814547175000220653543</t>
  </si>
  <si>
    <t>56387771929354094609172</t>
  </si>
  <si>
    <t>131623764915182240635655</t>
  </si>
  <si>
    <t>41698360237425736876524</t>
  </si>
  <si>
    <t>22197834566642743784643</t>
  </si>
  <si>
    <t>159367983329805292011158</t>
  </si>
  <si>
    <t>193926939960921617562539</t>
  </si>
  <si>
    <t>145882333770114278757787</t>
  </si>
  <si>
    <t>141065692368283635970801</t>
  </si>
  <si>
    <t>148449952393846517506952</t>
  </si>
  <si>
    <t>42513095034597134398119</t>
  </si>
  <si>
    <t>97996813156586659752541</t>
  </si>
  <si>
    <t>95174915017257381839339</t>
  </si>
  <si>
    <t>46151026338704711996502</t>
  </si>
  <si>
    <t>31958591515119384139674</t>
  </si>
  <si>
    <t>140366652636409988283894</t>
  </si>
  <si>
    <t>156805312755941004032364</t>
  </si>
  <si>
    <t>14945408660319805935548</t>
  </si>
  <si>
    <t>130110653021563432906662</t>
  </si>
  <si>
    <t>99624789925257984685885</t>
  </si>
  <si>
    <t>168405230419714604047700</t>
  </si>
  <si>
    <t>88785088356999520628792</t>
  </si>
  <si>
    <t>189126846661201547308884</t>
  </si>
  <si>
    <t>48826897347003784259801</t>
  </si>
  <si>
    <t>26748694445508693237053</t>
  </si>
  <si>
    <t>881278332031788528690755509828342</t>
  </si>
  <si>
    <t>280820666226884166762512427258366</t>
  </si>
  <si>
    <t>26125672434185216577101224541705</t>
  </si>
  <si>
    <t>187064712417470272674355769299236</t>
  </si>
  <si>
    <t>628174485061243064174468468464391</t>
  </si>
  <si>
    <t>755536437082376440490589117641654</t>
  </si>
  <si>
    <t>422564609741005395154911447368469</t>
  </si>
  <si>
    <t>532034999854801996881837914962902</t>
  </si>
  <si>
    <t>256350110744001612900390935967127</t>
  </si>
  <si>
    <t>566117836046276697184412662459974</t>
  </si>
  <si>
    <t>68020287236497694019600446793069</t>
  </si>
  <si>
    <t>507384024606208929025520724038944</t>
  </si>
  <si>
    <t>73554900100700000648</t>
  </si>
  <si>
    <t>73554900100700000651</t>
  </si>
  <si>
    <t>01200314690800000637</t>
  </si>
  <si>
    <t>01200314690800000638</t>
  </si>
  <si>
    <t>73554900100700000653</t>
  </si>
  <si>
    <t>01200314690800000158</t>
  </si>
  <si>
    <t>73555000100700000144</t>
  </si>
  <si>
    <t>01200615320800001423</t>
  </si>
  <si>
    <t>73554900100700000669</t>
  </si>
  <si>
    <t>01200615320800001699</t>
  </si>
  <si>
    <t>73554900100700000672</t>
  </si>
  <si>
    <t>01200615320800001693</t>
  </si>
  <si>
    <t>73554900100700000673</t>
  </si>
  <si>
    <t>01200615320800001413</t>
  </si>
  <si>
    <t>73554900100700000675</t>
  </si>
  <si>
    <t>01200615320800001756</t>
  </si>
  <si>
    <t>73554900100700000676</t>
  </si>
  <si>
    <t>01200615320800001754</t>
  </si>
  <si>
    <t>73554900100700000677</t>
  </si>
  <si>
    <t>01200615320800001749</t>
  </si>
  <si>
    <t>73554900100700000678</t>
  </si>
  <si>
    <t>01200615320800001755</t>
  </si>
  <si>
    <t>73554900100700000679</t>
  </si>
  <si>
    <t>01200615320800001752</t>
  </si>
  <si>
    <t>73554900100700000680</t>
  </si>
  <si>
    <t>01200615320800001747</t>
  </si>
  <si>
    <t>73554900100700000681</t>
  </si>
  <si>
    <t>01200615320800001411</t>
  </si>
  <si>
    <t>73554900100700000700</t>
  </si>
  <si>
    <t>01200615320800001737</t>
  </si>
  <si>
    <t>01200314690800001047</t>
  </si>
  <si>
    <t>73554900100700000701</t>
  </si>
  <si>
    <t>01200615320800001750</t>
  </si>
  <si>
    <t>73554900100700000702</t>
  </si>
  <si>
    <t>01200615320800001738</t>
  </si>
  <si>
    <t>73555000100700000014</t>
  </si>
  <si>
    <t>67838200100800006448</t>
  </si>
  <si>
    <t>67838200100800006387</t>
  </si>
  <si>
    <t>73554900100700000759</t>
  </si>
  <si>
    <t>01200615320800000796</t>
  </si>
  <si>
    <t>01200314690800000192</t>
  </si>
  <si>
    <t>01200615320800000672</t>
  </si>
  <si>
    <t>01200314690800000195</t>
  </si>
  <si>
    <t>01200314690800000196</t>
  </si>
  <si>
    <t>73554900100700000760</t>
  </si>
  <si>
    <t>67838200100800006760</t>
  </si>
  <si>
    <t>73554900100700000786</t>
  </si>
  <si>
    <t>01200314690800003391</t>
  </si>
  <si>
    <t>73554900100700000813</t>
  </si>
  <si>
    <t>01200615320800002846</t>
  </si>
  <si>
    <t>73554900100700000814</t>
  </si>
  <si>
    <t>01200314690800003105</t>
  </si>
  <si>
    <t>01200314690800000352</t>
  </si>
  <si>
    <t>01200615320800002287</t>
  </si>
  <si>
    <t>01200314690800000850</t>
  </si>
  <si>
    <t>01200314690800000851</t>
  </si>
  <si>
    <t>01200314690800000809</t>
  </si>
  <si>
    <t>01200314690800000537</t>
  </si>
  <si>
    <t>73554900100800000214</t>
  </si>
  <si>
    <t>01200615320800001237</t>
  </si>
  <si>
    <t>01200615320800001227</t>
  </si>
  <si>
    <t>01200615320800001261</t>
  </si>
  <si>
    <t>01200314690800000337</t>
  </si>
  <si>
    <t>67838200100800004729</t>
  </si>
  <si>
    <t>01200314690800000351</t>
  </si>
  <si>
    <t>01200615320800001230</t>
  </si>
  <si>
    <t>01200615320800001229</t>
  </si>
  <si>
    <t>01200314690800001521</t>
  </si>
  <si>
    <t>67838200100800004069</t>
  </si>
  <si>
    <t>01200615320800001321</t>
  </si>
  <si>
    <t>01200615320800001322</t>
  </si>
  <si>
    <t>01200314690800001037</t>
  </si>
  <si>
    <t>01200314690800001522</t>
  </si>
  <si>
    <t>01200314690800001027</t>
  </si>
  <si>
    <t>01200615320800001323</t>
  </si>
  <si>
    <t>01200314690800000869</t>
  </si>
  <si>
    <t>01200314690800000338</t>
  </si>
  <si>
    <t>01200615320800001422</t>
  </si>
  <si>
    <t>01200314690800000346</t>
  </si>
  <si>
    <t>67837800100800006649</t>
  </si>
  <si>
    <t>67838200100800006731</t>
  </si>
  <si>
    <t>67838200100800006042</t>
  </si>
  <si>
    <t>67838200100800006071</t>
  </si>
  <si>
    <t>67837800100800006650</t>
  </si>
  <si>
    <t>73554900100700001571</t>
  </si>
  <si>
    <t>67838200100800006884</t>
  </si>
  <si>
    <t>73554900100700000817</t>
  </si>
  <si>
    <t>01200314690800000342</t>
  </si>
  <si>
    <t>01200615320800002512</t>
  </si>
  <si>
    <t>67838200100800005190</t>
  </si>
  <si>
    <t>67838200100800004657</t>
  </si>
  <si>
    <t>01200314690800000774</t>
  </si>
  <si>
    <t>01200314690800000775</t>
  </si>
  <si>
    <t>01200314690800000847</t>
  </si>
  <si>
    <t>01200314690800000776</t>
  </si>
  <si>
    <t>01200314690800000848</t>
  </si>
  <si>
    <t>73554900100700000818</t>
  </si>
  <si>
    <t>01200615320800003687</t>
  </si>
  <si>
    <t>73554900100700000819</t>
  </si>
  <si>
    <t>01200615320800002446</t>
  </si>
  <si>
    <t>01200314690800000348</t>
  </si>
  <si>
    <t>67838200100800004068</t>
  </si>
  <si>
    <t>01200314690800001319</t>
  </si>
  <si>
    <t>73554900100700000822</t>
  </si>
  <si>
    <t>01200314690800000349</t>
  </si>
  <si>
    <t>73554900100700001020</t>
  </si>
  <si>
    <t>01200314690800000357</t>
  </si>
  <si>
    <t>73554900100700001049</t>
  </si>
  <si>
    <t>01200314690800001339</t>
  </si>
  <si>
    <t>67837800100800004495</t>
  </si>
  <si>
    <t>67837800100800006430</t>
  </si>
  <si>
    <t>73555000100800000046</t>
  </si>
  <si>
    <t>73554900100800000274</t>
  </si>
  <si>
    <t>73554900100700001113</t>
  </si>
  <si>
    <t>73555000100800000084</t>
  </si>
  <si>
    <t>73554900100800000499</t>
  </si>
  <si>
    <t>73554900100800000202</t>
  </si>
  <si>
    <t>67838200100800006500</t>
  </si>
  <si>
    <t>67838200100800006509</t>
  </si>
  <si>
    <t>01200615320800003800</t>
  </si>
  <si>
    <t>73554900100700000823</t>
  </si>
  <si>
    <t>01200314690800000897</t>
  </si>
  <si>
    <t>73554900100700000824</t>
  </si>
  <si>
    <t>01200314690800000347</t>
  </si>
  <si>
    <t>73554900100700000825</t>
  </si>
  <si>
    <t>01200615320800002968</t>
  </si>
  <si>
    <t>73554900100700001611</t>
  </si>
  <si>
    <t>73555000100800000350</t>
  </si>
  <si>
    <t>73555000100800000375</t>
  </si>
  <si>
    <t>73555000100800000365</t>
  </si>
  <si>
    <t>73555000100800000374</t>
  </si>
  <si>
    <t>73555000100800000385</t>
  </si>
  <si>
    <t>73555000100800000388</t>
  </si>
  <si>
    <t>73555000100800000384</t>
  </si>
  <si>
    <t>73555000100800000386</t>
  </si>
  <si>
    <t>73555000100800000349</t>
  </si>
  <si>
    <t>73555000100800000387</t>
  </si>
  <si>
    <t>73555000100800000339</t>
  </si>
  <si>
    <t>73555000100800000363</t>
  </si>
  <si>
    <t>73555000100800000389</t>
  </si>
  <si>
    <t>73555000100800000367</t>
  </si>
  <si>
    <t>73555000100800000364</t>
  </si>
  <si>
    <t>73555000100800000390</t>
  </si>
  <si>
    <t>73555000100800000392</t>
  </si>
  <si>
    <t>73555000100800000393</t>
  </si>
  <si>
    <t>73555000100800000391</t>
  </si>
  <si>
    <t>73555000100800000366</t>
  </si>
  <si>
    <t>73555000100800000398</t>
  </si>
  <si>
    <t>73555000100800000356</t>
  </si>
  <si>
    <t>73555000100800000396</t>
  </si>
  <si>
    <t>73555000100800000397</t>
  </si>
  <si>
    <t>73555000100800000355</t>
  </si>
  <si>
    <t>73555000100800000395</t>
  </si>
  <si>
    <t>73555000100800000399</t>
  </si>
  <si>
    <t>73555000100800000394</t>
  </si>
  <si>
    <t>73555000100800000368</t>
  </si>
  <si>
    <t>73555000100800000373</t>
  </si>
  <si>
    <t>73554900100700000876</t>
  </si>
  <si>
    <t>01200615320800002998</t>
  </si>
  <si>
    <t>01200314690800000811</t>
  </si>
  <si>
    <t>73554900100700000878</t>
  </si>
  <si>
    <t>01200615320800001739</t>
  </si>
  <si>
    <t>01200615320800001740</t>
  </si>
  <si>
    <t>01200615320800001816</t>
  </si>
  <si>
    <t>01200314690800000770</t>
  </si>
  <si>
    <t>01200314690800000769</t>
  </si>
  <si>
    <t>01200314690800000773</t>
  </si>
  <si>
    <t>01200314690800000771</t>
  </si>
  <si>
    <t>01200314690800000341</t>
  </si>
  <si>
    <t>01200615320800001686</t>
  </si>
  <si>
    <t>01200615320800001220</t>
  </si>
  <si>
    <t>01200314690800001107</t>
  </si>
  <si>
    <t>01200314690800000787</t>
  </si>
  <si>
    <t>67837800100800007286</t>
  </si>
  <si>
    <t>01200615320800001270</t>
  </si>
  <si>
    <t>73554900100700000879</t>
  </si>
  <si>
    <t>01200314690800000772</t>
  </si>
  <si>
    <t>01200615320800001218</t>
  </si>
  <si>
    <t>01200314690800000350</t>
  </si>
  <si>
    <t>73554900100700000903</t>
  </si>
  <si>
    <t>01200615320800001560</t>
  </si>
  <si>
    <t>01200615320800001561</t>
  </si>
  <si>
    <t>01200615320800001562</t>
  </si>
  <si>
    <t>01200615320800001589</t>
  </si>
  <si>
    <t>01200615320800001590</t>
  </si>
  <si>
    <t>01200615320800001591</t>
  </si>
  <si>
    <t>01200615320800001627</t>
  </si>
  <si>
    <t>01200615320800001628</t>
  </si>
  <si>
    <t>01200615320800002061</t>
  </si>
  <si>
    <t>73554900100700001314</t>
  </si>
  <si>
    <t>73554900100800000203</t>
  </si>
  <si>
    <t>73554900100700000926</t>
  </si>
  <si>
    <t>01200615320800000708</t>
  </si>
  <si>
    <t>73555000100700000083</t>
  </si>
  <si>
    <t>73554900100800000246</t>
  </si>
  <si>
    <t>73554900100700000993</t>
  </si>
  <si>
    <t>01200615320800000574</t>
  </si>
  <si>
    <t>67838200100800004188</t>
  </si>
  <si>
    <t>73554900100700000998</t>
  </si>
  <si>
    <t>01200314690800001938</t>
  </si>
  <si>
    <t>73554900100700001003</t>
  </si>
  <si>
    <t>67837800100800005971</t>
  </si>
  <si>
    <t>73554900100700001019</t>
  </si>
  <si>
    <t>01200314690800001923</t>
  </si>
  <si>
    <t>73554900100700001025</t>
  </si>
  <si>
    <t>01200314690800001937</t>
  </si>
  <si>
    <t>73555000100700000033</t>
  </si>
  <si>
    <t>73554900100800000113</t>
  </si>
  <si>
    <t>73554900100700000749</t>
  </si>
  <si>
    <t>67838200100800006527</t>
  </si>
  <si>
    <t>73555000100800000143</t>
  </si>
  <si>
    <t>73554900100700001080</t>
  </si>
  <si>
    <t>67838200100800005209</t>
  </si>
  <si>
    <t>67837800100800004494</t>
  </si>
  <si>
    <t>73554900100700001098</t>
  </si>
  <si>
    <t>67837800100800004926</t>
  </si>
  <si>
    <t>73554900100700001119</t>
  </si>
  <si>
    <t>01200314690800000209</t>
  </si>
  <si>
    <t>01200314690800001040</t>
  </si>
  <si>
    <t>73554900100700001141</t>
  </si>
  <si>
    <t>01200615320800002967</t>
  </si>
  <si>
    <t>73554900100700001148</t>
  </si>
  <si>
    <t>67838200100800006758</t>
  </si>
  <si>
    <t>73555000100800000311</t>
  </si>
  <si>
    <t>73554900100700001157</t>
  </si>
  <si>
    <t>01200314690800000217</t>
  </si>
  <si>
    <t>73554900100700001161</t>
  </si>
  <si>
    <t>73554900100800000412</t>
  </si>
  <si>
    <t>73554900100800000400</t>
  </si>
  <si>
    <t>73554900100700001162</t>
  </si>
  <si>
    <t>01200615320800002971</t>
  </si>
  <si>
    <t>67837800100800004306</t>
  </si>
  <si>
    <t>01200314690800002588</t>
  </si>
  <si>
    <t>73554900100700001302</t>
  </si>
  <si>
    <t>73554900100800000321</t>
  </si>
  <si>
    <t>73554900100700001228</t>
  </si>
  <si>
    <t>01200314690800001939</t>
  </si>
  <si>
    <t>73554900100700001651</t>
  </si>
  <si>
    <t>73555000100800000438</t>
  </si>
  <si>
    <t>73554900100700000764</t>
  </si>
  <si>
    <t>01200314690800000239</t>
  </si>
  <si>
    <t>01200314690800000240</t>
  </si>
  <si>
    <t>73554900100700000865</t>
  </si>
  <si>
    <t>67838200100800006349</t>
  </si>
  <si>
    <t>73555000100700000161</t>
  </si>
  <si>
    <t>73554900100800000367</t>
  </si>
  <si>
    <t>73554900100800000493</t>
  </si>
  <si>
    <t>73555000100700000251</t>
  </si>
  <si>
    <t>73554900100800000411</t>
  </si>
  <si>
    <t>73554900100700000961</t>
  </si>
  <si>
    <t>01200314690800001338</t>
  </si>
  <si>
    <t>73554900100800000473</t>
  </si>
  <si>
    <t>73554900100700000913</t>
  </si>
  <si>
    <t>01200314690800001388</t>
  </si>
  <si>
    <t>73554900100700001451</t>
  </si>
  <si>
    <t>73555000100800000219</t>
  </si>
  <si>
    <t>73554900100700001031</t>
  </si>
  <si>
    <t>67837800100800006333</t>
  </si>
  <si>
    <t>73555000100800000172</t>
  </si>
  <si>
    <t>73554900100800000225</t>
  </si>
  <si>
    <t>73554900100800000121</t>
  </si>
  <si>
    <t>67837800100800006464</t>
  </si>
  <si>
    <t>73554900100700001070</t>
  </si>
  <si>
    <t>67838200100800006218</t>
  </si>
  <si>
    <t>67838200100800005453</t>
  </si>
  <si>
    <t>67838200100800005451</t>
  </si>
  <si>
    <t>67837800100800007349</t>
  </si>
  <si>
    <t>67838200100800005454</t>
  </si>
  <si>
    <t>67838200100800006682</t>
  </si>
  <si>
    <t>67838200100800005452</t>
  </si>
  <si>
    <t>73554900100700001106</t>
  </si>
  <si>
    <t>01200314690800003097</t>
  </si>
  <si>
    <t>73554900100700001107</t>
  </si>
  <si>
    <t>01200314690800003098</t>
  </si>
  <si>
    <t>01200615320800002447</t>
  </si>
  <si>
    <t>01200314690800001340</t>
  </si>
  <si>
    <t>67838200100800004012</t>
  </si>
  <si>
    <t>67838200100800004013</t>
  </si>
  <si>
    <t>01200615320800003096</t>
  </si>
  <si>
    <t>73554900100700000650</t>
  </si>
  <si>
    <t>67838200100800006928</t>
  </si>
  <si>
    <t>67837800100800006227</t>
  </si>
  <si>
    <t>67837800100800006228</t>
  </si>
  <si>
    <t>73554900100700000687</t>
  </si>
  <si>
    <t>01200615320800001867</t>
  </si>
  <si>
    <t>67837800100800005638</t>
  </si>
  <si>
    <t>67838200100800006073</t>
  </si>
  <si>
    <t>67838200100800005417</t>
  </si>
  <si>
    <t>73554900100700000737</t>
  </si>
  <si>
    <t>01200314690800001320</t>
  </si>
  <si>
    <t>73554900100700000746</t>
  </si>
  <si>
    <t>67838200100800004731</t>
  </si>
  <si>
    <t>73554900100700000747</t>
  </si>
  <si>
    <t>67837800100800006931</t>
  </si>
  <si>
    <t>73554900100700001327</t>
  </si>
  <si>
    <t>01200314690800002845</t>
  </si>
  <si>
    <t>67837800100800006804</t>
  </si>
  <si>
    <t>73554900100700000758</t>
  </si>
  <si>
    <t>67837800100800006904</t>
  </si>
  <si>
    <t>01200615320800003548</t>
  </si>
  <si>
    <t>01200314690800002008</t>
  </si>
  <si>
    <t>73554900100700000761</t>
  </si>
  <si>
    <t>67837800100800006657</t>
  </si>
  <si>
    <t>73554900100700000773</t>
  </si>
  <si>
    <t>67837800100800007156</t>
  </si>
  <si>
    <t>67837800100800007209</t>
  </si>
  <si>
    <t>67837800100800007210</t>
  </si>
  <si>
    <t>73555000100800000127</t>
  </si>
  <si>
    <t>73555000100700000023</t>
  </si>
  <si>
    <t>73555000100800000150</t>
  </si>
  <si>
    <t>73555000100700000022</t>
  </si>
  <si>
    <t>73555000100800000149</t>
  </si>
  <si>
    <t>73554900100700000834</t>
  </si>
  <si>
    <t>01200615320800003831</t>
  </si>
  <si>
    <t>01200615320800003844</t>
  </si>
  <si>
    <t>73554900100700000835</t>
  </si>
  <si>
    <t>01200615320800000264</t>
  </si>
  <si>
    <t>01200615320800000714</t>
  </si>
  <si>
    <t>01200314690800002599</t>
  </si>
  <si>
    <t>73554900100700000837</t>
  </si>
  <si>
    <t>67837800100800005908</t>
  </si>
  <si>
    <t>67838200100800005257</t>
  </si>
  <si>
    <t>73554900100700000845</t>
  </si>
  <si>
    <t>67837800100800005270</t>
  </si>
  <si>
    <t>01200314690800002237</t>
  </si>
  <si>
    <t>01200314690800000227</t>
  </si>
  <si>
    <t>73554900100700000858</t>
  </si>
  <si>
    <t>01200615320800000694</t>
  </si>
  <si>
    <t>73554900100700000860</t>
  </si>
  <si>
    <t>73554900100800000146</t>
  </si>
  <si>
    <t>01200615320800003315</t>
  </si>
  <si>
    <t>73555000100800000348</t>
  </si>
  <si>
    <t>73554900100700000863</t>
  </si>
  <si>
    <t>67838200100800006705</t>
  </si>
  <si>
    <t>73554900100700000864</t>
  </si>
  <si>
    <t>67838200100800006816</t>
  </si>
  <si>
    <t>01200615320800000732</t>
  </si>
  <si>
    <t>73554900100700000868</t>
  </si>
  <si>
    <t>67837800100800007087</t>
  </si>
  <si>
    <t>01200314690800000126</t>
  </si>
  <si>
    <t>73554900100700000873</t>
  </si>
  <si>
    <t>01200314690800003771</t>
  </si>
  <si>
    <t>67838200100800006044</t>
  </si>
  <si>
    <t>01200314690800003770</t>
  </si>
  <si>
    <t>01200314690800003768</t>
  </si>
  <si>
    <t>01200314690800002337</t>
  </si>
  <si>
    <t>01200314690800003769</t>
  </si>
  <si>
    <t>01200314690800003772</t>
  </si>
  <si>
    <t>01200314690800003773</t>
  </si>
  <si>
    <t>73554900100700000874</t>
  </si>
  <si>
    <t>67837800100800006431</t>
  </si>
  <si>
    <t>67838200100800004913</t>
  </si>
  <si>
    <t>67837800100800007108</t>
  </si>
  <si>
    <t>67837800100800007107</t>
  </si>
  <si>
    <t>67837800100800007109</t>
  </si>
  <si>
    <t>67837800100800007110</t>
  </si>
  <si>
    <t>73554900100700000875</t>
  </si>
  <si>
    <t>67837800100800005966</t>
  </si>
  <si>
    <t>73554900100700000880</t>
  </si>
  <si>
    <t>67837800100800005767</t>
  </si>
  <si>
    <t>67837800100800007237</t>
  </si>
  <si>
    <t>67837800100800005796</t>
  </si>
  <si>
    <t>73554900100700000881</t>
  </si>
  <si>
    <t>01200615320800002966</t>
  </si>
  <si>
    <t>73554900100700000882</t>
  </si>
  <si>
    <t>01200314690800000169</t>
  </si>
  <si>
    <t>73554900100700000883</t>
  </si>
  <si>
    <t>01200615320800003659</t>
  </si>
  <si>
    <t>01200615320800004027</t>
  </si>
  <si>
    <t>73554900100700000884</t>
  </si>
  <si>
    <t>67837800100800004436</t>
  </si>
  <si>
    <t>67837800100800006794</t>
  </si>
  <si>
    <t>67837800100800004428</t>
  </si>
  <si>
    <t>73555000100700000082</t>
  </si>
  <si>
    <t>73554900100800000318</t>
  </si>
  <si>
    <t>73554900100700000885</t>
  </si>
  <si>
    <t>67838200100800006251</t>
  </si>
  <si>
    <t>73554900100700000891</t>
  </si>
  <si>
    <t>67838200100800005450</t>
  </si>
  <si>
    <t>67838200100800005419</t>
  </si>
  <si>
    <t>67837800100800006349</t>
  </si>
  <si>
    <t>73554900100700000892</t>
  </si>
  <si>
    <t>67838200100800006478</t>
  </si>
  <si>
    <t>01200615320800000896</t>
  </si>
  <si>
    <t>67838200100800006202</t>
  </si>
  <si>
    <t>67838200100800006667</t>
  </si>
  <si>
    <t>01200615320800000607</t>
  </si>
  <si>
    <t>01200314690800000159</t>
  </si>
  <si>
    <t>01200314690800002597</t>
  </si>
  <si>
    <t>01200615320800000556</t>
  </si>
  <si>
    <t>01200314690800000190</t>
  </si>
  <si>
    <t>01200314690800000129</t>
  </si>
  <si>
    <t>01200314690800000700</t>
  </si>
  <si>
    <t>67838200100800004845</t>
  </si>
  <si>
    <t>01200314690800000133</t>
  </si>
  <si>
    <t>01200615320800003394</t>
  </si>
  <si>
    <t>67837800100800006497</t>
  </si>
  <si>
    <t>67838200100800004948</t>
  </si>
  <si>
    <t>67837800100800006498</t>
  </si>
  <si>
    <t>73554900100700000905</t>
  </si>
  <si>
    <t>01200314690800000145</t>
  </si>
  <si>
    <t>73554900100800000763</t>
  </si>
  <si>
    <t>73554900100700000922</t>
  </si>
  <si>
    <t>01200615320800000595</t>
  </si>
  <si>
    <t>01200615320800000653</t>
  </si>
  <si>
    <t>73554900100700000929</t>
  </si>
  <si>
    <t>01200314690800002598</t>
  </si>
  <si>
    <t>67837800100800004466</t>
  </si>
  <si>
    <t>67837800100800005164</t>
  </si>
  <si>
    <t>67838200100800005777</t>
  </si>
  <si>
    <t>73554900100700000940</t>
  </si>
  <si>
    <t>01200615320800000734</t>
  </si>
  <si>
    <t>01200615320800000735</t>
  </si>
  <si>
    <t>01200314690800000165</t>
  </si>
  <si>
    <t>01200314690800000163</t>
  </si>
  <si>
    <t>73554900100700000945</t>
  </si>
  <si>
    <t>67837800100800007292</t>
  </si>
  <si>
    <t>73554900100700000952</t>
  </si>
  <si>
    <t>67837800100800004490</t>
  </si>
  <si>
    <t>67837800100800004881</t>
  </si>
  <si>
    <t>73554900100700000953</t>
  </si>
  <si>
    <t>01200615320800003644</t>
  </si>
  <si>
    <t>01200615320800003836</t>
  </si>
  <si>
    <t>73554900100700000958</t>
  </si>
  <si>
    <t>73555000100800000174</t>
  </si>
  <si>
    <t>67838200100800006143</t>
  </si>
  <si>
    <t>67838200100800006227</t>
  </si>
  <si>
    <t>67837800100800006687</t>
  </si>
  <si>
    <t>73554900100700000968</t>
  </si>
  <si>
    <t>01200314690800002418</t>
  </si>
  <si>
    <t>67837800100800004277</t>
  </si>
  <si>
    <t>67837800100800004278</t>
  </si>
  <si>
    <t>67837800100800004279</t>
  </si>
  <si>
    <t>73554900100700000988</t>
  </si>
  <si>
    <t>67837800100800006458</t>
  </si>
  <si>
    <t>67837800100800006457</t>
  </si>
  <si>
    <t>73555000100700000127</t>
  </si>
  <si>
    <t>73554900100800000392</t>
  </si>
  <si>
    <t>73554900100700000861</t>
  </si>
  <si>
    <t>67838200100800006658</t>
  </si>
  <si>
    <t>67837800100800007364</t>
  </si>
  <si>
    <t>67837800100800007362</t>
  </si>
  <si>
    <t>73554900100800000242</t>
  </si>
  <si>
    <t>73554900100700000840</t>
  </si>
  <si>
    <t>73555000100800000192</t>
  </si>
  <si>
    <t>73555000100800000205</t>
  </si>
  <si>
    <t>73555000100800000206</t>
  </si>
  <si>
    <t>01200615320800003136</t>
  </si>
  <si>
    <t>01200615320800003322</t>
  </si>
  <si>
    <t>73555000100800000252</t>
  </si>
  <si>
    <t>67837800100800007129</t>
  </si>
  <si>
    <t>01200314690800002079</t>
  </si>
  <si>
    <t>73554900100800000333</t>
  </si>
  <si>
    <t>73554900100800000383</t>
  </si>
  <si>
    <t>01200615320800003321</t>
  </si>
  <si>
    <t>73555000100800000087</t>
  </si>
  <si>
    <t>73554900100800000401</t>
  </si>
  <si>
    <t>73554900100700001002</t>
  </si>
  <si>
    <t>67837800100800007216</t>
  </si>
  <si>
    <t>73555000100800000295</t>
  </si>
  <si>
    <t>73554900100800000416</t>
  </si>
  <si>
    <t>73554900100800000363</t>
  </si>
  <si>
    <t>73554900100800000365</t>
  </si>
  <si>
    <t>73554900100800000531</t>
  </si>
  <si>
    <t>73554900100700000889</t>
  </si>
  <si>
    <t>67837800100800005997</t>
  </si>
  <si>
    <t>73554900100700001035</t>
  </si>
  <si>
    <t>67837800100800007293</t>
  </si>
  <si>
    <t>73554900100700001322</t>
  </si>
  <si>
    <t>01200615320800003850</t>
  </si>
  <si>
    <t>73554900100800000281</t>
  </si>
  <si>
    <t>73555000100700000103</t>
  </si>
  <si>
    <t>73554900100800000414</t>
  </si>
  <si>
    <t>73554900100700001006</t>
  </si>
  <si>
    <t>01200314690800000206</t>
  </si>
  <si>
    <t>73554900100700001055</t>
  </si>
  <si>
    <t>01200615320800001446</t>
  </si>
  <si>
    <t>73554900100700001073</t>
  </si>
  <si>
    <t>01200615320800000629</t>
  </si>
  <si>
    <t>01200314690800000139</t>
  </si>
  <si>
    <t>01200615320800000660</t>
  </si>
  <si>
    <t>73554900100700001078</t>
  </si>
  <si>
    <t>67838200100800006239</t>
  </si>
  <si>
    <t>73554900100700001603</t>
  </si>
  <si>
    <t>01200615320800002550</t>
  </si>
  <si>
    <t>73554900100700001088</t>
  </si>
  <si>
    <t>67838200100800005679</t>
  </si>
  <si>
    <t>67838200100800004558</t>
  </si>
  <si>
    <t>67838200100800004557</t>
  </si>
  <si>
    <t>67838200100800005407</t>
  </si>
  <si>
    <t>67838200100800005754</t>
  </si>
  <si>
    <t>73555000100800000094</t>
  </si>
  <si>
    <t>73554900100700001094</t>
  </si>
  <si>
    <t>01200615320800000112</t>
  </si>
  <si>
    <t>67838200100800006087</t>
  </si>
  <si>
    <t>01200615320800003256</t>
  </si>
  <si>
    <t>67838200100800005297</t>
  </si>
  <si>
    <t>73554900100700001103</t>
  </si>
  <si>
    <t>01200615320800000725</t>
  </si>
  <si>
    <t>01200615320800000733</t>
  </si>
  <si>
    <t>01200314690800003099</t>
  </si>
  <si>
    <t>01200615320800000701</t>
  </si>
  <si>
    <t>01200314690800000162</t>
  </si>
  <si>
    <t>73554900100700001104</t>
  </si>
  <si>
    <t>01200314690800000116</t>
  </si>
  <si>
    <t>01200615320800002076</t>
  </si>
  <si>
    <t>73555000100800000122</t>
  </si>
  <si>
    <t>73554900100800000082</t>
  </si>
  <si>
    <t>73554900100700001105</t>
  </si>
  <si>
    <t>67837800100800004493</t>
  </si>
  <si>
    <t>67837800100800004884</t>
  </si>
  <si>
    <t>73554900100700001112</t>
  </si>
  <si>
    <t>67837800100800005333</t>
  </si>
  <si>
    <t>73554900100700001115</t>
  </si>
  <si>
    <t>01200615320800000683</t>
  </si>
  <si>
    <t>73554900100700001117</t>
  </si>
  <si>
    <t>01200615320800002536</t>
  </si>
  <si>
    <t>73554900100700001131</t>
  </si>
  <si>
    <t>01200615320800001188</t>
  </si>
  <si>
    <t>67838200100800006149</t>
  </si>
  <si>
    <t>73555000100700000001</t>
  </si>
  <si>
    <t>01200615320800000700</t>
  </si>
  <si>
    <t>73554900100700001143</t>
  </si>
  <si>
    <t>67838200100800004074</t>
  </si>
  <si>
    <t>01200314690800000201</t>
  </si>
  <si>
    <t>73554900100700001145</t>
  </si>
  <si>
    <t>01200314690800001839</t>
  </si>
  <si>
    <t>01200615320800000777</t>
  </si>
  <si>
    <t>73554900100700001149</t>
  </si>
  <si>
    <t>01200615320800000483</t>
  </si>
  <si>
    <t>73554900100700001153</t>
  </si>
  <si>
    <t>01200314690800002417</t>
  </si>
  <si>
    <t>67838200100800005373</t>
  </si>
  <si>
    <t>67837800100800004281</t>
  </si>
  <si>
    <t>67838200100800005814</t>
  </si>
  <si>
    <t>67837800100800004280</t>
  </si>
  <si>
    <t>67837800100800004282</t>
  </si>
  <si>
    <t>67837800100800004283</t>
  </si>
  <si>
    <t>73554900100700001155</t>
  </si>
  <si>
    <t>01200314690800000174</t>
  </si>
  <si>
    <t>73554900100700001164</t>
  </si>
  <si>
    <t>67838200100800006045</t>
  </si>
  <si>
    <t>67838200100800006046</t>
  </si>
  <si>
    <t>67838200100800006419</t>
  </si>
  <si>
    <t>73554900100700001165</t>
  </si>
  <si>
    <t>67838200100800005438</t>
  </si>
  <si>
    <t>67838200100800005439</t>
  </si>
  <si>
    <t>73554900100700001166</t>
  </si>
  <si>
    <t>67838200100800005780</t>
  </si>
  <si>
    <t>73554900100700001167</t>
  </si>
  <si>
    <t>67837800100800006434</t>
  </si>
  <si>
    <t>67838200100800006205</t>
  </si>
  <si>
    <t>67838200100800006278</t>
  </si>
  <si>
    <t>67838200100800006206</t>
  </si>
  <si>
    <t>67838200100800006277</t>
  </si>
  <si>
    <t>67838200100800005715</t>
  </si>
  <si>
    <t>67838200100800005945</t>
  </si>
  <si>
    <t>73554900100700001168</t>
  </si>
  <si>
    <t>01200615320800003597</t>
  </si>
  <si>
    <t>01200615320800004039</t>
  </si>
  <si>
    <t>73554900100700001169</t>
  </si>
  <si>
    <t>67837800100800006795</t>
  </si>
  <si>
    <t>67837800100800006798</t>
  </si>
  <si>
    <t>73555000100700000081</t>
  </si>
  <si>
    <t>73554900100800000250</t>
  </si>
  <si>
    <t>73555000100800000151</t>
  </si>
  <si>
    <t>73554900100700001175</t>
  </si>
  <si>
    <t>67837800100800007267</t>
  </si>
  <si>
    <t>67837800100800007265</t>
  </si>
  <si>
    <t>67838200100800006588</t>
  </si>
  <si>
    <t>73554900100700001381</t>
  </si>
  <si>
    <t>73554900100800000706</t>
  </si>
  <si>
    <t>73554900100700001182</t>
  </si>
  <si>
    <t>67837800100800007036</t>
  </si>
  <si>
    <t>73554900100700001183</t>
  </si>
  <si>
    <t>67837800100800006647</t>
  </si>
  <si>
    <t>73554900100700001190</t>
  </si>
  <si>
    <t>67838200100800005098</t>
  </si>
  <si>
    <t>73554900100800000361</t>
  </si>
  <si>
    <t>67838200100800005099</t>
  </si>
  <si>
    <t>01200615320800002986</t>
  </si>
  <si>
    <t>01200615320800002549</t>
  </si>
  <si>
    <t>73554900100700001367</t>
  </si>
  <si>
    <t>01200314690800000164</t>
  </si>
  <si>
    <t>73554900100700001195</t>
  </si>
  <si>
    <t>01200615320800000242</t>
  </si>
  <si>
    <t>73554900100700001313</t>
  </si>
  <si>
    <t>73555000100800000166</t>
  </si>
  <si>
    <t>73554900100800000009</t>
  </si>
  <si>
    <t>73554900100700001214</t>
  </si>
  <si>
    <t>01200615320800002970</t>
  </si>
  <si>
    <t>73554900100700001215</t>
  </si>
  <si>
    <t>01200314690800001670</t>
  </si>
  <si>
    <t>73554900100700001231</t>
  </si>
  <si>
    <t>67837800100800006337</t>
  </si>
  <si>
    <t>67837800100800005830</t>
  </si>
  <si>
    <t>67837800100800005829</t>
  </si>
  <si>
    <t>67838200100800006589</t>
  </si>
  <si>
    <t>73554900100700001232</t>
  </si>
  <si>
    <t>67838200100800004053</t>
  </si>
  <si>
    <t>73554900100700001233</t>
  </si>
  <si>
    <t>01200615320800000658</t>
  </si>
  <si>
    <t>73554900100700001239</t>
  </si>
  <si>
    <t>01200615320800002517</t>
  </si>
  <si>
    <t>73554900100700001262</t>
  </si>
  <si>
    <t>01200615320800000976</t>
  </si>
  <si>
    <t>73554900100700001263</t>
  </si>
  <si>
    <t>01200615320800002037</t>
  </si>
  <si>
    <t>73554900100700001279</t>
  </si>
  <si>
    <t>01200615320800002826</t>
  </si>
  <si>
    <t>73554900100700001284</t>
  </si>
  <si>
    <t>01200314690800000238</t>
  </si>
  <si>
    <t>73554900100700000663</t>
  </si>
  <si>
    <t>67837800100800006708</t>
  </si>
  <si>
    <t>67837800100800006709</t>
  </si>
  <si>
    <t>73554900100700000666</t>
  </si>
  <si>
    <t>01200615320800001694</t>
  </si>
  <si>
    <t>73554900100700000670</t>
  </si>
  <si>
    <t>01200615320800001746</t>
  </si>
  <si>
    <t>73554900100700000674</t>
  </si>
  <si>
    <t>01200615320800001307</t>
  </si>
  <si>
    <t>73554900100700000714</t>
  </si>
  <si>
    <t>01200314690800000622</t>
  </si>
  <si>
    <t>01200615320800002524</t>
  </si>
  <si>
    <t>01200314690800000621</t>
  </si>
  <si>
    <t>01200314690800000896</t>
  </si>
  <si>
    <t>01200314690800000895</t>
  </si>
  <si>
    <t>01200615320800002029</t>
  </si>
  <si>
    <t>01200615320800002030</t>
  </si>
  <si>
    <t>01200314690800000619</t>
  </si>
  <si>
    <t>01200314690800000618</t>
  </si>
  <si>
    <t>01200314690800000858</t>
  </si>
  <si>
    <t>01200314690800000859</t>
  </si>
  <si>
    <t>01200314690800000860</t>
  </si>
  <si>
    <t>01200314690800000862</t>
  </si>
  <si>
    <t>01200314690800000865</t>
  </si>
  <si>
    <t>01200314690800000866</t>
  </si>
  <si>
    <t>01200314690800000878</t>
  </si>
  <si>
    <t>01200314690800000879</t>
  </si>
  <si>
    <t>01200314690800000864</t>
  </si>
  <si>
    <t>01200314690800000880</t>
  </si>
  <si>
    <t>01200314690800000881</t>
  </si>
  <si>
    <t>01200314690800000882</t>
  </si>
  <si>
    <t>01200314690800000883</t>
  </si>
  <si>
    <t>01200314690800000886</t>
  </si>
  <si>
    <t>01200314690800000884</t>
  </si>
  <si>
    <t>01200314690800000885</t>
  </si>
  <si>
    <t>01200314690800000888</t>
  </si>
  <si>
    <t>01200314690800000889</t>
  </si>
  <si>
    <t>01200314690800000890</t>
  </si>
  <si>
    <t>01200314690800000891</t>
  </si>
  <si>
    <t>01200314690800000893</t>
  </si>
  <si>
    <t>01200314690800000877</t>
  </si>
  <si>
    <t>01200314690800000892</t>
  </si>
  <si>
    <t>01200314690800000861</t>
  </si>
  <si>
    <t>01200314690800000887</t>
  </si>
  <si>
    <t>01200314690800000894</t>
  </si>
  <si>
    <t>01200314690800000620</t>
  </si>
  <si>
    <t>01200615320800002019</t>
  </si>
  <si>
    <t>67837800100800006972</t>
  </si>
  <si>
    <t>73554900100700000718</t>
  </si>
  <si>
    <t>01200314690800000135</t>
  </si>
  <si>
    <t>73554900100700001652</t>
  </si>
  <si>
    <t>73555000100800000439</t>
  </si>
  <si>
    <t>73554900100700000751</t>
  </si>
  <si>
    <t>67837800100800005079</t>
  </si>
  <si>
    <t>73554900100700000765</t>
  </si>
  <si>
    <t>67837800100800005166</t>
  </si>
  <si>
    <t>73554900100800000032</t>
  </si>
  <si>
    <t>73554900100800000022</t>
  </si>
  <si>
    <t>67837800100800006412</t>
  </si>
  <si>
    <t>67837800100800005831</t>
  </si>
  <si>
    <t>67837800100800005700</t>
  </si>
  <si>
    <t>67838200100800005755</t>
  </si>
  <si>
    <t>67838200100800005272</t>
  </si>
  <si>
    <t>67837800100800007346</t>
  </si>
  <si>
    <t>67838200100800006253</t>
  </si>
  <si>
    <t>67838200100800006568</t>
  </si>
  <si>
    <t>73554900100700000766</t>
  </si>
  <si>
    <t>01200615320800001716</t>
  </si>
  <si>
    <t>01200615320800001280</t>
  </si>
  <si>
    <t>01200615320800001629</t>
  </si>
  <si>
    <t>01200615320800001630</t>
  </si>
  <si>
    <t>01200615320800001632</t>
  </si>
  <si>
    <t>01200615320800001633</t>
  </si>
  <si>
    <t>01200615320800001634</t>
  </si>
  <si>
    <t>01200615320800001635</t>
  </si>
  <si>
    <t>01200615320800001541</t>
  </si>
  <si>
    <t>01200615320800003018</t>
  </si>
  <si>
    <t>01200615320800001543</t>
  </si>
  <si>
    <t>01200615320800001544</t>
  </si>
  <si>
    <t>01200615320800001545</t>
  </si>
  <si>
    <t>01200615320800001636</t>
  </si>
  <si>
    <t>01200615320800001637</t>
  </si>
  <si>
    <t>01200615320800001638</t>
  </si>
  <si>
    <t>01200615320800001639</t>
  </si>
  <si>
    <t>01200615320800001640</t>
  </si>
  <si>
    <t>01200615320800003642</t>
  </si>
  <si>
    <t>01200615320800001641</t>
  </si>
  <si>
    <t>01200615320800001642</t>
  </si>
  <si>
    <t>01200615320800001643</t>
  </si>
  <si>
    <t>01200615320800001644</t>
  </si>
  <si>
    <t>01200615320800001645</t>
  </si>
  <si>
    <t>67837800100800005509</t>
  </si>
  <si>
    <t>01200615320800001647</t>
  </si>
  <si>
    <t>01200615320800001648</t>
  </si>
  <si>
    <t>01200615320800001649</t>
  </si>
  <si>
    <t>01200615320800001650</t>
  </si>
  <si>
    <t>01200615320800001651</t>
  </si>
  <si>
    <t>01200314690800000898</t>
  </si>
  <si>
    <t>01200615320800001652</t>
  </si>
  <si>
    <t>67837800100800007251</t>
  </si>
  <si>
    <t>01200615320800001653</t>
  </si>
  <si>
    <t>01200615320800001654</t>
  </si>
  <si>
    <t>01200615320800001655</t>
  </si>
  <si>
    <t>01200615320800001646</t>
  </si>
  <si>
    <t>01200615320800001555</t>
  </si>
  <si>
    <t>01200615320800001666</t>
  </si>
  <si>
    <t>01200615320800001656</t>
  </si>
  <si>
    <t>01200615320800001676</t>
  </si>
  <si>
    <t>01200615320800001670</t>
  </si>
  <si>
    <t>01200615320800001674</t>
  </si>
  <si>
    <t>67837800100800007140</t>
  </si>
  <si>
    <t>01200615320800001678</t>
  </si>
  <si>
    <t>01200615320800001681</t>
  </si>
  <si>
    <t>01200615320800001717</t>
  </si>
  <si>
    <t>73555000100700000212</t>
  </si>
  <si>
    <t>67838200100800006578</t>
  </si>
  <si>
    <t>73554900100700000769</t>
  </si>
  <si>
    <t>67838200100800005437</t>
  </si>
  <si>
    <t>67838200100800005385</t>
  </si>
  <si>
    <t>73555000100700000132</t>
  </si>
  <si>
    <t>73555000100800000221</t>
  </si>
  <si>
    <t>73554900100700001514</t>
  </si>
  <si>
    <t>73554900100800000501</t>
  </si>
  <si>
    <t>73554900100700000811</t>
  </si>
  <si>
    <t>01200314690800000243</t>
  </si>
  <si>
    <t>73554900100700000815</t>
  </si>
  <si>
    <t>01200615320800001274</t>
  </si>
  <si>
    <t>73554900100700000816</t>
  </si>
  <si>
    <t>01200314690800000358</t>
  </si>
  <si>
    <t>73554900100700001661</t>
  </si>
  <si>
    <t>73554900100800000681</t>
  </si>
  <si>
    <t>73554900100700000896</t>
  </si>
  <si>
    <t>01200314690800000359</t>
  </si>
  <si>
    <t>73554900100700000897</t>
  </si>
  <si>
    <t>01200314690800000360</t>
  </si>
  <si>
    <t>73554900100700000898</t>
  </si>
  <si>
    <t>01200314690800000354</t>
  </si>
  <si>
    <t>73554900100700000899</t>
  </si>
  <si>
    <t>01200314690800000777</t>
  </si>
  <si>
    <t>73554900100700000900</t>
  </si>
  <si>
    <t>01200615320800001685</t>
  </si>
  <si>
    <t>01200615320800001315</t>
  </si>
  <si>
    <t>01200615320800001314</t>
  </si>
  <si>
    <t>01200615320800001308</t>
  </si>
  <si>
    <t>01200615320800001698</t>
  </si>
  <si>
    <t>01200615320800001313</t>
  </si>
  <si>
    <t>01200314690800000363</t>
  </si>
  <si>
    <t>01200615320800002027</t>
  </si>
  <si>
    <t>01200314690800001557</t>
  </si>
  <si>
    <t>01200615320800001311</t>
  </si>
  <si>
    <t>01200615320800001310</t>
  </si>
  <si>
    <t>01200615320800001697</t>
  </si>
  <si>
    <t>01200314690800000404</t>
  </si>
  <si>
    <t>73554900100700000901</t>
  </si>
  <si>
    <t>01200314690800000395</t>
  </si>
  <si>
    <t>67837800100800006686</t>
  </si>
  <si>
    <t>73555000100700000191</t>
  </si>
  <si>
    <t>73554900100800000451</t>
  </si>
  <si>
    <t>73555000100700000211</t>
  </si>
  <si>
    <t>73555000100800000421</t>
  </si>
  <si>
    <t>73554900100700000955</t>
  </si>
  <si>
    <t>01200615320800001736</t>
  </si>
  <si>
    <t>73554900100700000957</t>
  </si>
  <si>
    <t>67837800100800004903</t>
  </si>
  <si>
    <t>67837800100800004904</t>
  </si>
  <si>
    <t>67837800100800004905</t>
  </si>
  <si>
    <t>67837800100800005216</t>
  </si>
  <si>
    <t>67838200100800005760</t>
  </si>
  <si>
    <t>73554900100700000820</t>
  </si>
  <si>
    <t>01200615320800001278</t>
  </si>
  <si>
    <t>01200314690800001501</t>
  </si>
  <si>
    <t>01200615320800003640</t>
  </si>
  <si>
    <t>67838200100800006059</t>
  </si>
  <si>
    <t>67838200100800006101</t>
  </si>
  <si>
    <t>01200615320800002087</t>
  </si>
  <si>
    <t>67838200100800006104</t>
  </si>
  <si>
    <t>67838200100800006790</t>
  </si>
  <si>
    <t>67838200100800006105</t>
  </si>
  <si>
    <t>01200615320800002026</t>
  </si>
  <si>
    <t>01200615320800002339</t>
  </si>
  <si>
    <t>67838200100800006100</t>
  </si>
  <si>
    <t>67838200100800006472</t>
  </si>
  <si>
    <t>67838200100800006791</t>
  </si>
  <si>
    <t>67838200100800006792</t>
  </si>
  <si>
    <t>67838200100800006102</t>
  </si>
  <si>
    <t>67838200100800006370</t>
  </si>
  <si>
    <t>67838200100800006106</t>
  </si>
  <si>
    <t>67838200100800006098</t>
  </si>
  <si>
    <t>67838200100800006103</t>
  </si>
  <si>
    <t>01200615320800003547</t>
  </si>
  <si>
    <t>67838200100800006471</t>
  </si>
  <si>
    <t>67838200100800006099</t>
  </si>
  <si>
    <t>01200615320800001279</t>
  </si>
  <si>
    <t>67838200100800006793</t>
  </si>
  <si>
    <t>01200615320800002338</t>
  </si>
  <si>
    <t>67838200100800006470</t>
  </si>
  <si>
    <t>01200314690800000821</t>
  </si>
  <si>
    <t>01200615320800001277</t>
  </si>
  <si>
    <t>73555000100700000131</t>
  </si>
  <si>
    <t>73555000100800000134</t>
  </si>
  <si>
    <t>73554900100700001009</t>
  </si>
  <si>
    <t>67837800100800006765</t>
  </si>
  <si>
    <t>67837800100800006267</t>
  </si>
  <si>
    <t>73554900100700001011</t>
  </si>
  <si>
    <t>01200314690800001657</t>
  </si>
  <si>
    <t>67838200100800006577</t>
  </si>
  <si>
    <t>73554900100700001026</t>
  </si>
  <si>
    <t>01200314690800002024</t>
  </si>
  <si>
    <t>67837800100800006266</t>
  </si>
  <si>
    <t>73554900100700001038</t>
  </si>
  <si>
    <t>01200314690800002977</t>
  </si>
  <si>
    <t>01200615320800002710</t>
  </si>
  <si>
    <t>67838200100800005841</t>
  </si>
  <si>
    <t>73554900100700001056</t>
  </si>
  <si>
    <t>67837800100800004488</t>
  </si>
  <si>
    <t>73554900100800000052</t>
  </si>
  <si>
    <t>73554900100800000572</t>
  </si>
  <si>
    <t>73555000100700000066</t>
  </si>
  <si>
    <t>01200314690800003641</t>
  </si>
  <si>
    <t>73554900100700001061</t>
  </si>
  <si>
    <t>01200314690800000339</t>
  </si>
  <si>
    <t>73554900100700001089</t>
  </si>
  <si>
    <t>67838200100800006499</t>
  </si>
  <si>
    <t>67838200100800005270</t>
  </si>
  <si>
    <t>73554900100700001090</t>
  </si>
  <si>
    <t>73554900100800000015</t>
  </si>
  <si>
    <t>67838200100800005271</t>
  </si>
  <si>
    <t>73554900100700001109</t>
  </si>
  <si>
    <t>01200314690800000918</t>
  </si>
  <si>
    <t>01200615320800001226</t>
  </si>
  <si>
    <t>01200615320800001291</t>
  </si>
  <si>
    <t>01200615320800001217</t>
  </si>
  <si>
    <t>01200615320800001199</t>
  </si>
  <si>
    <t>01200615320800001260</t>
  </si>
  <si>
    <t>01200615320800001234</t>
  </si>
  <si>
    <t>01200615320800001235</t>
  </si>
  <si>
    <t>01200615320800001252</t>
  </si>
  <si>
    <t>01200615320800001253</t>
  </si>
  <si>
    <t>01200615320800001262</t>
  </si>
  <si>
    <t>01200615320800001201</t>
  </si>
  <si>
    <t>01200615320800001198</t>
  </si>
  <si>
    <t>73554900100700001110</t>
  </si>
  <si>
    <t>67838200100800005743</t>
  </si>
  <si>
    <t>67837800100800005567</t>
  </si>
  <si>
    <t>67838200100800005660</t>
  </si>
  <si>
    <t>73554900100700001111</t>
  </si>
  <si>
    <t>67837800100800005170</t>
  </si>
  <si>
    <t>01200615320800003658</t>
  </si>
  <si>
    <t>67838200100800005681</t>
  </si>
  <si>
    <t>67837800100800005770</t>
  </si>
  <si>
    <t>73554900100700001121</t>
  </si>
  <si>
    <t>01200314690800001669</t>
  </si>
  <si>
    <t>73554900100700001139</t>
  </si>
  <si>
    <t>01200615320800001751</t>
  </si>
  <si>
    <t>01200615320800001354</t>
  </si>
  <si>
    <t>01200615320800001349</t>
  </si>
  <si>
    <t>01200615320800001355</t>
  </si>
  <si>
    <t>01200615320800001338</t>
  </si>
  <si>
    <t>01200615320800001350</t>
  </si>
  <si>
    <t>01200615320800001336</t>
  </si>
  <si>
    <t>01200615320800001342</t>
  </si>
  <si>
    <t>01200615320800001351</t>
  </si>
  <si>
    <t>01200615320800001405</t>
  </si>
  <si>
    <t>01200615320800001406</t>
  </si>
  <si>
    <t>01200615320800001340</t>
  </si>
  <si>
    <t>01200615320800001341</t>
  </si>
  <si>
    <t>01200615320800001407</t>
  </si>
  <si>
    <t>01200615320800001371</t>
  </si>
  <si>
    <t>01200615320800001346</t>
  </si>
  <si>
    <t>01200615320800001334</t>
  </si>
  <si>
    <t>01200615320800001335</t>
  </si>
  <si>
    <t>01200615320800001366</t>
  </si>
  <si>
    <t>01200314690800003650</t>
  </si>
  <si>
    <t>01200615320800001211</t>
  </si>
  <si>
    <t>01200615320800001333</t>
  </si>
  <si>
    <t>01200615320800001343</t>
  </si>
  <si>
    <t>01200615320800001352</t>
  </si>
  <si>
    <t>01200615320800001367</t>
  </si>
  <si>
    <t>01200615320800001344</t>
  </si>
  <si>
    <t>01200615320800001353</t>
  </si>
  <si>
    <t>01200615320800001368</t>
  </si>
  <si>
    <t>01200615320800001345</t>
  </si>
  <si>
    <t>01200615320800001369</t>
  </si>
  <si>
    <t>01200615320800001370</t>
  </si>
  <si>
    <t>01200615320800001372</t>
  </si>
  <si>
    <t>01200615320800001347</t>
  </si>
  <si>
    <t>01200615320800001373</t>
  </si>
  <si>
    <t>01200615320800001348</t>
  </si>
  <si>
    <t>73554900100700001151</t>
  </si>
  <si>
    <t>67838200100800006598</t>
  </si>
  <si>
    <t>67837800100800005168</t>
  </si>
  <si>
    <t>67838200100800006081</t>
  </si>
  <si>
    <t>67838200100800006080</t>
  </si>
  <si>
    <t>67838200100800006054</t>
  </si>
  <si>
    <t>67838200100800005359</t>
  </si>
  <si>
    <t>67838200100800005678</t>
  </si>
  <si>
    <t>67838200100800005267</t>
  </si>
  <si>
    <t>67837800100800005585</t>
  </si>
  <si>
    <t>67837800100800005771</t>
  </si>
  <si>
    <t>67837800100800005697</t>
  </si>
  <si>
    <t>67837800100800005699</t>
  </si>
  <si>
    <t>73554900100700001188</t>
  </si>
  <si>
    <t>67837800100800005169</t>
  </si>
  <si>
    <t>67837800100800005531</t>
  </si>
  <si>
    <t>67837800100800005769</t>
  </si>
  <si>
    <t>73554900100700001205</t>
  </si>
  <si>
    <t>67837800100800005570</t>
  </si>
  <si>
    <t>67838200100800004868</t>
  </si>
  <si>
    <t>73554900100700001212</t>
  </si>
  <si>
    <t>01200615320800001414</t>
  </si>
  <si>
    <t>01200615320800001415</t>
  </si>
  <si>
    <t>01200615320800001416</t>
  </si>
  <si>
    <t>01200615320800001425</t>
  </si>
  <si>
    <t>01200615320800001426</t>
  </si>
  <si>
    <t>01200615320800001427</t>
  </si>
  <si>
    <t>01200615320800001428</t>
  </si>
  <si>
    <t>01200615320800001429</t>
  </si>
  <si>
    <t>01200615320800001430</t>
  </si>
  <si>
    <t>01200615320800001431</t>
  </si>
  <si>
    <t>01200615320800001434</t>
  </si>
  <si>
    <t>01200615320800001435</t>
  </si>
  <si>
    <t>01200615320800001436</t>
  </si>
  <si>
    <t>01200615320800001437</t>
  </si>
  <si>
    <t>01200615320800001438</t>
  </si>
  <si>
    <t>01200615320800001439</t>
  </si>
  <si>
    <t>01200615320800001471</t>
  </si>
  <si>
    <t>01200615320800001497</t>
  </si>
  <si>
    <t>01200615320800001498</t>
  </si>
  <si>
    <t>01200615320800001499</t>
  </si>
  <si>
    <t>01200615320800001500</t>
  </si>
  <si>
    <t>01200615320800001501</t>
  </si>
  <si>
    <t>01200615320800001502</t>
  </si>
  <si>
    <t>01200615320800001503</t>
  </si>
  <si>
    <t>01200615320800001504</t>
  </si>
  <si>
    <t>01200615320800001505</t>
  </si>
  <si>
    <t>01200615320800001506</t>
  </si>
  <si>
    <t>01200615320800001507</t>
  </si>
  <si>
    <t>01200615320800001508</t>
  </si>
  <si>
    <t>01200615320800001509</t>
  </si>
  <si>
    <t>01200615320800001510</t>
  </si>
  <si>
    <t>01200615320800001511</t>
  </si>
  <si>
    <t>01200615320800001512</t>
  </si>
  <si>
    <t>01200615320800001513</t>
  </si>
  <si>
    <t>01200615320800001515</t>
  </si>
  <si>
    <t>01200615320800001516</t>
  </si>
  <si>
    <t>01200615320800001517</t>
  </si>
  <si>
    <t>01200615320800001518</t>
  </si>
  <si>
    <t>01200615320800001519</t>
  </si>
  <si>
    <t>01200615320800001520</t>
  </si>
  <si>
    <t>01200615320800001521</t>
  </si>
  <si>
    <t>01200615320800001522</t>
  </si>
  <si>
    <t>01200615320800001523</t>
  </si>
  <si>
    <t>01200615320800001524</t>
  </si>
  <si>
    <t>01200615320800001525</t>
  </si>
  <si>
    <t>01200615320800001526</t>
  </si>
  <si>
    <t>01200615320800001527</t>
  </si>
  <si>
    <t>01200615320800001528</t>
  </si>
  <si>
    <t>01200615320800001529</t>
  </si>
  <si>
    <t>01200615320800001588</t>
  </si>
  <si>
    <t>01200615320800001563</t>
  </si>
  <si>
    <t>01200615320800001564</t>
  </si>
  <si>
    <t>01200615320800001565</t>
  </si>
  <si>
    <t>01200615320800001566</t>
  </si>
  <si>
    <t>01200615320800001567</t>
  </si>
  <si>
    <t>01200615320800001568</t>
  </si>
  <si>
    <t>01200615320800001569</t>
  </si>
  <si>
    <t>01200615320800001570</t>
  </si>
  <si>
    <t>01200615320800001571</t>
  </si>
  <si>
    <t>01200615320800001572</t>
  </si>
  <si>
    <t>01200615320800001573</t>
  </si>
  <si>
    <t>01200615320800001574</t>
  </si>
  <si>
    <t>01200615320800001575</t>
  </si>
  <si>
    <t>01200615320800001576</t>
  </si>
  <si>
    <t>01200615320800001577</t>
  </si>
  <si>
    <t>01200615320800001578</t>
  </si>
  <si>
    <t>01200615320800001579</t>
  </si>
  <si>
    <t>01200615320800001580</t>
  </si>
  <si>
    <t>01200615320800001581</t>
  </si>
  <si>
    <t>01200615320800001582</t>
  </si>
  <si>
    <t>01200615320800001583</t>
  </si>
  <si>
    <t>01200615320800001584</t>
  </si>
  <si>
    <t>01200615320800001585</t>
  </si>
  <si>
    <t>01200615320800001586</t>
  </si>
  <si>
    <t>01200615320800001587</t>
  </si>
  <si>
    <t>01200615320800001592</t>
  </si>
  <si>
    <t>01200615320800001626</t>
  </si>
  <si>
    <t>01200615320800001593</t>
  </si>
  <si>
    <t>01200615320800001594</t>
  </si>
  <si>
    <t>01200615320800001595</t>
  </si>
  <si>
    <t>01200615320800001596</t>
  </si>
  <si>
    <t>01200615320800001597</t>
  </si>
  <si>
    <t>01200615320800001598</t>
  </si>
  <si>
    <t>01200615320800001599</t>
  </si>
  <si>
    <t>01200615320800001447</t>
  </si>
  <si>
    <t>01200615320800001448</t>
  </si>
  <si>
    <t>01200615320800001449</t>
  </si>
  <si>
    <t>01200615320800001450</t>
  </si>
  <si>
    <t>01200615320800001451</t>
  </si>
  <si>
    <t>01200615320800001452</t>
  </si>
  <si>
    <t>01200615320800001453</t>
  </si>
  <si>
    <t>01200615320800001454</t>
  </si>
  <si>
    <t>01200615320800001455</t>
  </si>
  <si>
    <t>01200615320800001606</t>
  </si>
  <si>
    <t>01200615320800001607</t>
  </si>
  <si>
    <t>01200615320800001609</t>
  </si>
  <si>
    <t>01200615320800001610</t>
  </si>
  <si>
    <t>01200615320800001611</t>
  </si>
  <si>
    <t>01200615320800001612</t>
  </si>
  <si>
    <t>01200615320800001613</t>
  </si>
  <si>
    <t>01200615320800001615</t>
  </si>
  <si>
    <t>01200615320800001617</t>
  </si>
  <si>
    <t>01200615320800001618</t>
  </si>
  <si>
    <t>01200615320800001619</t>
  </si>
  <si>
    <t>01200615320800001620</t>
  </si>
  <si>
    <t>01200615320800001621</t>
  </si>
  <si>
    <t>01200615320800001622</t>
  </si>
  <si>
    <t>01200615320800001623</t>
  </si>
  <si>
    <t>01200615320800001624</t>
  </si>
  <si>
    <t>01200615320800001625</t>
  </si>
  <si>
    <t>01200615320800003037</t>
  </si>
  <si>
    <t>01200615320800001473</t>
  </si>
  <si>
    <t>01200615320800001474</t>
  </si>
  <si>
    <t>01200615320800001475</t>
  </si>
  <si>
    <t>01200615320800001476</t>
  </si>
  <si>
    <t>01200615320800001477</t>
  </si>
  <si>
    <t>01200615320800001478</t>
  </si>
  <si>
    <t>01200615320800001479</t>
  </si>
  <si>
    <t>01200615320800001480</t>
  </si>
  <si>
    <t>01200615320800001481</t>
  </si>
  <si>
    <t>01200615320800001482</t>
  </si>
  <si>
    <t>01200615320800001483</t>
  </si>
  <si>
    <t>01200615320800001484</t>
  </si>
  <si>
    <t>01200615320800001485</t>
  </si>
  <si>
    <t>01200615320800001487</t>
  </si>
  <si>
    <t>01200615320800001488</t>
  </si>
  <si>
    <t>01200615320800001489</t>
  </si>
  <si>
    <t>01200615320800001490</t>
  </si>
  <si>
    <t>01200615320800001491</t>
  </si>
  <si>
    <t>01200615320800001492</t>
  </si>
  <si>
    <t>01200615320800001493</t>
  </si>
  <si>
    <t>01200615320800001494</t>
  </si>
  <si>
    <t>01200615320800001495</t>
  </si>
  <si>
    <t>01200615320800001496</t>
  </si>
  <si>
    <t>01200615320800001534</t>
  </si>
  <si>
    <t>01200615320800001535</t>
  </si>
  <si>
    <t>01200615320800001536</t>
  </si>
  <si>
    <t>01200615320800001537</t>
  </si>
  <si>
    <t>01200615320800001538</t>
  </si>
  <si>
    <t>01200615320800001539</t>
  </si>
  <si>
    <t>01200615320800001540</t>
  </si>
  <si>
    <t>01200615320800001375</t>
  </si>
  <si>
    <t>01200615320800001546</t>
  </si>
  <si>
    <t>01200615320800001547</t>
  </si>
  <si>
    <t>01200615320800001548</t>
  </si>
  <si>
    <t>01200615320800001549</t>
  </si>
  <si>
    <t>01200615320800001550</t>
  </si>
  <si>
    <t>01200615320800001551</t>
  </si>
  <si>
    <t>01200615320800001552</t>
  </si>
  <si>
    <t>01200615320800001553</t>
  </si>
  <si>
    <t>01200615320800001554</t>
  </si>
  <si>
    <t>01200615320800001363</t>
  </si>
  <si>
    <t>01200615320800001364</t>
  </si>
  <si>
    <t>01200615320800001365</t>
  </si>
  <si>
    <t>01200615320800001556</t>
  </si>
  <si>
    <t>01200615320800001557</t>
  </si>
  <si>
    <t>01200615320800001558</t>
  </si>
  <si>
    <t>01200615320800001559</t>
  </si>
  <si>
    <t>01200314690800000340</t>
  </si>
  <si>
    <t>01200314690800000362</t>
  </si>
  <si>
    <t>01200615320800002667</t>
  </si>
  <si>
    <t>73554900100700001237</t>
  </si>
  <si>
    <t>01200615320800001216</t>
  </si>
  <si>
    <t>73554900100700001272</t>
  </si>
  <si>
    <t>01200314690800002023</t>
  </si>
  <si>
    <t>73555000100700000094</t>
  </si>
  <si>
    <t>67838200100800005763</t>
  </si>
  <si>
    <t>73554900100700001275</t>
  </si>
  <si>
    <t>67837800100800006720</t>
  </si>
  <si>
    <t>67837800100800006631</t>
  </si>
  <si>
    <t>67837800100800006629</t>
  </si>
  <si>
    <t>67838200100800005268</t>
  </si>
  <si>
    <t>67838200100800005358</t>
  </si>
  <si>
    <t>73554900100700001276</t>
  </si>
  <si>
    <t>67838200100800005757</t>
  </si>
  <si>
    <t>73554900100700001281</t>
  </si>
  <si>
    <t>67838200100800005194</t>
  </si>
  <si>
    <t>73554900100700001483</t>
  </si>
  <si>
    <t>01200615320800002514</t>
  </si>
  <si>
    <t>01200615320800000731</t>
  </si>
  <si>
    <t>01200314690800000151</t>
  </si>
  <si>
    <t>01200314690800000449</t>
  </si>
  <si>
    <t>01200615320800003848</t>
  </si>
  <si>
    <t>01200314690800001410</t>
  </si>
  <si>
    <t>73554900100700000799</t>
  </si>
  <si>
    <t>01200314690800001028</t>
  </si>
  <si>
    <t>01200615320800000691</t>
  </si>
  <si>
    <t>01200314690800003515</t>
  </si>
  <si>
    <t>73554900100800000036</t>
  </si>
  <si>
    <t>01200314690800002010</t>
  </si>
  <si>
    <t>01200314690800001108</t>
  </si>
  <si>
    <t>01200615320800002997</t>
  </si>
  <si>
    <t>01200314690800002009</t>
  </si>
  <si>
    <t>01200615320800002996</t>
  </si>
  <si>
    <t>01200314690800002847</t>
  </si>
  <si>
    <t>01200314690800001387</t>
  </si>
  <si>
    <t>01200314690800001975</t>
  </si>
  <si>
    <t>01200314690800000697</t>
  </si>
  <si>
    <t>01200314690800001600</t>
  </si>
  <si>
    <t>01200615320800003686</t>
  </si>
  <si>
    <t>73554900100700000803</t>
  </si>
  <si>
    <t>67837800100800004893</t>
  </si>
  <si>
    <t>01200314690800001252</t>
  </si>
  <si>
    <t>01200615320800000816</t>
  </si>
  <si>
    <t>01200314690800002689</t>
  </si>
  <si>
    <t>67837800100800006411</t>
  </si>
  <si>
    <t>67837800100800007208</t>
  </si>
  <si>
    <t>01200615320800002776</t>
  </si>
  <si>
    <t>01200314690800000147</t>
  </si>
  <si>
    <t>01200615320800000603</t>
  </si>
  <si>
    <t>01200615320800000704</t>
  </si>
  <si>
    <t>73555000100800000102</t>
  </si>
  <si>
    <t>67838200100800005360</t>
  </si>
  <si>
    <t>01200615320800000617</t>
  </si>
  <si>
    <t>01200615320800000618</t>
  </si>
  <si>
    <t>01200615320800000571</t>
  </si>
  <si>
    <t>67838200100800004775</t>
  </si>
  <si>
    <t>67838200100800006729</t>
  </si>
  <si>
    <t>01200615320800003530</t>
  </si>
  <si>
    <t>73554900100800000360</t>
  </si>
  <si>
    <t>73554900100800000421</t>
  </si>
  <si>
    <t>73554900100700000951</t>
  </si>
  <si>
    <t>01200615320800000693</t>
  </si>
  <si>
    <t>67838200100800004843</t>
  </si>
  <si>
    <t>01200615320800000659</t>
  </si>
  <si>
    <t>01200314690800003679</t>
  </si>
  <si>
    <t>67837800100800007117</t>
  </si>
  <si>
    <t>01200615320800002375</t>
  </si>
  <si>
    <t>01200314690800000819</t>
  </si>
  <si>
    <t>01200615320800000172</t>
  </si>
  <si>
    <t>01200314690800000122</t>
  </si>
  <si>
    <t>01200615320800000275</t>
  </si>
  <si>
    <t>67838200100800005202</t>
  </si>
  <si>
    <t>01200314690800000387</t>
  </si>
  <si>
    <t>01200615320800000699</t>
  </si>
  <si>
    <t>01200314690800000212</t>
  </si>
  <si>
    <t>01200615320800000713</t>
  </si>
  <si>
    <t>73555000100800000049</t>
  </si>
  <si>
    <t>01200314690800000527</t>
  </si>
  <si>
    <t>01200314690800000959</t>
  </si>
  <si>
    <t>01200615320800002950</t>
  </si>
  <si>
    <t>01200314690800001678</t>
  </si>
  <si>
    <t>01200314690800000854</t>
  </si>
  <si>
    <t>73555000100800000248</t>
  </si>
  <si>
    <t>01200314690800000146</t>
  </si>
  <si>
    <t>01200615320800003855</t>
  </si>
  <si>
    <t>73554900100800000316</t>
  </si>
  <si>
    <t>73554900100800000692</t>
  </si>
  <si>
    <t>01200314690800000185</t>
  </si>
  <si>
    <t>67838200100800004187</t>
  </si>
  <si>
    <t>73555000100800000048</t>
  </si>
  <si>
    <t>01200615320800000600</t>
  </si>
  <si>
    <t>01200314690800001337</t>
  </si>
  <si>
    <t>01200314690800000856</t>
  </si>
  <si>
    <t>01200314690800002600</t>
  </si>
  <si>
    <t>01200314690800000917</t>
  </si>
  <si>
    <t>73554900100800000366</t>
  </si>
  <si>
    <t>73554900100700001136</t>
  </si>
  <si>
    <t>01200245450800000002</t>
  </si>
  <si>
    <t>01200615320800000274</t>
  </si>
  <si>
    <t>01200615320800000273</t>
  </si>
  <si>
    <t>01200615320800000265</t>
  </si>
  <si>
    <t>01200615320800000142</t>
  </si>
  <si>
    <t>01200615320800000332</t>
  </si>
  <si>
    <t>01200615320800000277</t>
  </si>
  <si>
    <t>01200615320800000278</t>
  </si>
  <si>
    <t>01200314690800001409</t>
  </si>
  <si>
    <t>01200615320800000192</t>
  </si>
  <si>
    <t>01200615320800000254</t>
  </si>
  <si>
    <t>01200615320800000579</t>
  </si>
  <si>
    <t>01200615320800003348</t>
  </si>
  <si>
    <t>01200615320800000208</t>
  </si>
  <si>
    <t>01200615320800000162</t>
  </si>
  <si>
    <t>01200615320800000232</t>
  </si>
  <si>
    <t>01200615320800000209</t>
  </si>
  <si>
    <t>01200314690800000198</t>
  </si>
  <si>
    <t>73554900100700001353</t>
  </si>
  <si>
    <t>73554900100800000266</t>
  </si>
  <si>
    <t>67837800100800007389</t>
  </si>
  <si>
    <t>73555000100800000362</t>
  </si>
  <si>
    <t>67837800100800006927</t>
  </si>
  <si>
    <t>73554900100700001581</t>
  </si>
  <si>
    <t>73555000100800000351</t>
  </si>
  <si>
    <t>73554900100700000657</t>
  </si>
  <si>
    <t>67838200100800004047</t>
  </si>
  <si>
    <t>73554900100700000658</t>
  </si>
  <si>
    <t>01200615320800000806</t>
  </si>
  <si>
    <t>73554900100700000659</t>
  </si>
  <si>
    <t>67838200100800006368</t>
  </si>
  <si>
    <t>73554900100700000661</t>
  </si>
  <si>
    <t>01200615320800000876</t>
  </si>
  <si>
    <t>01200615320800000685</t>
  </si>
  <si>
    <t>01200615320800003585</t>
  </si>
  <si>
    <t>01200615320800003149</t>
  </si>
  <si>
    <t>67837800100800005571</t>
  </si>
  <si>
    <t>67838200100800004689</t>
  </si>
  <si>
    <t>73554900100800000010</t>
  </si>
  <si>
    <t>73554900100700000682</t>
  </si>
  <si>
    <t>67838200100800005411</t>
  </si>
  <si>
    <t>73554900100700001185</t>
  </si>
  <si>
    <t>01200615320800003420</t>
  </si>
  <si>
    <t>67837800100800004468</t>
  </si>
  <si>
    <t>73554900100700000709</t>
  </si>
  <si>
    <t>67837800100800006921</t>
  </si>
  <si>
    <t>73554900100700000710</t>
  </si>
  <si>
    <t>67837800100800006903</t>
  </si>
  <si>
    <t>73554900100700000712</t>
  </si>
  <si>
    <t>01200615320800000243</t>
  </si>
  <si>
    <t>73554900100700001301</t>
  </si>
  <si>
    <t>67838200100800006885</t>
  </si>
  <si>
    <t>73554900100700000721</t>
  </si>
  <si>
    <t>01200314690800000124</t>
  </si>
  <si>
    <t>73554900100700000720</t>
  </si>
  <si>
    <t>01200314690800002338</t>
  </si>
  <si>
    <t>01200314690800002589</t>
  </si>
  <si>
    <t>73554900100700000664</t>
  </si>
  <si>
    <t>01200314690800000667</t>
  </si>
  <si>
    <t>73554900100700000994</t>
  </si>
  <si>
    <t>01200615320800003830</t>
  </si>
  <si>
    <t>67837800100800004877</t>
  </si>
  <si>
    <t>01200615320800003842</t>
  </si>
  <si>
    <t>73554900100700000762</t>
  </si>
  <si>
    <t>67838200100800004354</t>
  </si>
  <si>
    <t>73554900100700000782</t>
  </si>
  <si>
    <t>01200615320800000706</t>
  </si>
  <si>
    <t>73554900100800000472</t>
  </si>
  <si>
    <t>73555000100800000215</t>
  </si>
  <si>
    <t>01200314690800000154</t>
  </si>
  <si>
    <t>01200314690800000487</t>
  </si>
  <si>
    <t>73554900100700000784</t>
  </si>
  <si>
    <t>01200615320800002961</t>
  </si>
  <si>
    <t>73554900100700000785</t>
  </si>
  <si>
    <t>01200314690800001893</t>
  </si>
  <si>
    <t>73554900100700000787</t>
  </si>
  <si>
    <t>01200314690800000168</t>
  </si>
  <si>
    <t>73554900100700000791</t>
  </si>
  <si>
    <t>01200615320800000452</t>
  </si>
  <si>
    <t>01200314690800001224</t>
  </si>
  <si>
    <t>73554900100700000792</t>
  </si>
  <si>
    <t>01200314690800002317</t>
  </si>
  <si>
    <t>73554900100700000795</t>
  </si>
  <si>
    <t>01200615320800000560</t>
  </si>
  <si>
    <t>73554900100700000798</t>
  </si>
  <si>
    <t>67838200100800006777</t>
  </si>
  <si>
    <t>67838200100800006778</t>
  </si>
  <si>
    <t>67838200100800006779</t>
  </si>
  <si>
    <t>73554900100700000802</t>
  </si>
  <si>
    <t>67837800100800005569</t>
  </si>
  <si>
    <t>73555000100700000015</t>
  </si>
  <si>
    <t>73555000100800000103</t>
  </si>
  <si>
    <t>73554900100700001357</t>
  </si>
  <si>
    <t>73555000100800000092</t>
  </si>
  <si>
    <t>73554900100700000915</t>
  </si>
  <si>
    <t>01200615320800003393</t>
  </si>
  <si>
    <t>67837800100800007347</t>
  </si>
  <si>
    <t>73554900100700000973</t>
  </si>
  <si>
    <t>01200615320800001753</t>
  </si>
  <si>
    <t>01200314690800000355</t>
  </si>
  <si>
    <t>01200314690800000356</t>
  </si>
  <si>
    <t>01200314690800000399</t>
  </si>
  <si>
    <t>01200314690800000401</t>
  </si>
  <si>
    <t>01200314690800000365</t>
  </si>
  <si>
    <t>01200314690800000687</t>
  </si>
  <si>
    <t>01200314690800000402</t>
  </si>
  <si>
    <t>73554900100700000974</t>
  </si>
  <si>
    <t>01200615320800001186</t>
  </si>
  <si>
    <t>73554900100700000805</t>
  </si>
  <si>
    <t>01200615320800001228</t>
  </si>
  <si>
    <t>01200615320800001256</t>
  </si>
  <si>
    <t>01200615320800001257</t>
  </si>
  <si>
    <t>01200314690800001038</t>
  </si>
  <si>
    <t>01200615320800002973</t>
  </si>
  <si>
    <t>01200615320800002975</t>
  </si>
  <si>
    <t>01200615320800002974</t>
  </si>
  <si>
    <t>01200615320800003650</t>
  </si>
  <si>
    <t>01200314690800002348</t>
  </si>
  <si>
    <t>01200615320800001016</t>
  </si>
  <si>
    <t>01200615320800000726</t>
  </si>
  <si>
    <t>01200314690800001940</t>
  </si>
  <si>
    <t>73554900100700001129</t>
  </si>
  <si>
    <t>01200314690800000353</t>
  </si>
  <si>
    <t>73554900100700001193</t>
  </si>
  <si>
    <t>01200615320800000718</t>
  </si>
  <si>
    <t>67838200100800004073</t>
  </si>
  <si>
    <t>73554900100700000827</t>
  </si>
  <si>
    <t>01200314690800000140</t>
  </si>
  <si>
    <t>01200615320800002984</t>
  </si>
  <si>
    <t>73554900100700000828</t>
  </si>
  <si>
    <t>01200615320800002328</t>
  </si>
  <si>
    <t>73554900100700000832</t>
  </si>
  <si>
    <t>67838200100800004071</t>
  </si>
  <si>
    <t>73554900100700000841</t>
  </si>
  <si>
    <t>67838200100800004949</t>
  </si>
  <si>
    <t>67837800100800005983</t>
  </si>
  <si>
    <t>73554900100700000843</t>
  </si>
  <si>
    <t>01200314690800001397</t>
  </si>
  <si>
    <t>01200314690800002564</t>
  </si>
  <si>
    <t>01200314690800002080</t>
  </si>
  <si>
    <t>01200314690800002563</t>
  </si>
  <si>
    <t>73554900100700000846</t>
  </si>
  <si>
    <t>01200615320800000262</t>
  </si>
  <si>
    <t>73554900100700000847</t>
  </si>
  <si>
    <t>67838200100800004070</t>
  </si>
  <si>
    <t>67838200100800005817</t>
  </si>
  <si>
    <t>67838200100800004947</t>
  </si>
  <si>
    <t>73554900100700000849</t>
  </si>
  <si>
    <t>01200615320800003476</t>
  </si>
  <si>
    <t>73554900100700000850</t>
  </si>
  <si>
    <t>01200615320800002985</t>
  </si>
  <si>
    <t>73554900100700000855</t>
  </si>
  <si>
    <t>01200314690800000118</t>
  </si>
  <si>
    <t>73554900100700000668</t>
  </si>
  <si>
    <t>67837800100800006762</t>
  </si>
  <si>
    <t>73554900100700000871</t>
  </si>
  <si>
    <t>01200615320800000657</t>
  </si>
  <si>
    <t>01200314690800001318</t>
  </si>
  <si>
    <t>73554900100700000867</t>
  </si>
  <si>
    <t>67838200100800004272</t>
  </si>
  <si>
    <t>73554900100700000870</t>
  </si>
  <si>
    <t>67837800100800006748</t>
  </si>
  <si>
    <t>73554900100700000888</t>
  </si>
  <si>
    <t>01200615320800003645</t>
  </si>
  <si>
    <t>67837800100800004430</t>
  </si>
  <si>
    <t>67838200100800006029</t>
  </si>
  <si>
    <t>67837800100800004879</t>
  </si>
  <si>
    <t>01200615320800003837</t>
  </si>
  <si>
    <t>67838200100800005699</t>
  </si>
  <si>
    <t>67838200100800005479</t>
  </si>
  <si>
    <t>73554900100700000907</t>
  </si>
  <si>
    <t>01200615320800000676</t>
  </si>
  <si>
    <t>73554900100700000911</t>
  </si>
  <si>
    <t>01200615320800000302</t>
  </si>
  <si>
    <t>01200314690800001223</t>
  </si>
  <si>
    <t>73554900100700000916</t>
  </si>
  <si>
    <t>01200615320800000707</t>
  </si>
  <si>
    <t>73554900100700000918</t>
  </si>
  <si>
    <t>01200314690800001681</t>
  </si>
  <si>
    <t>01200314690800003677</t>
  </si>
  <si>
    <t>73554900100700000924</t>
  </si>
  <si>
    <t>01200615320800003586</t>
  </si>
  <si>
    <t>73554900100700000943</t>
  </si>
  <si>
    <t>01200314690800001944</t>
  </si>
  <si>
    <t>73554900100700000944</t>
  </si>
  <si>
    <t>01200615320800002969</t>
  </si>
  <si>
    <t>73554900100700000939</t>
  </si>
  <si>
    <t>67837800100800005828</t>
  </si>
  <si>
    <t>73554900100700000972</t>
  </si>
  <si>
    <t>01200615320800003637</t>
  </si>
  <si>
    <t>73554900100700000975</t>
  </si>
  <si>
    <t>67837800100800004427</t>
  </si>
  <si>
    <t>01200615320800003056</t>
  </si>
  <si>
    <t>67837800100800004307</t>
  </si>
  <si>
    <t>73554900100700001591</t>
  </si>
  <si>
    <t>73555000100800000403</t>
  </si>
  <si>
    <t>73554900100700000978</t>
  </si>
  <si>
    <t>67837800100800005636</t>
  </si>
  <si>
    <t>73554900100700000983</t>
  </si>
  <si>
    <t>67837800100800006743</t>
  </si>
  <si>
    <t>73554900100700000984</t>
  </si>
  <si>
    <t>01200314690800000171</t>
  </si>
  <si>
    <t>73554900100700000985</t>
  </si>
  <si>
    <t>01200615320800000677</t>
  </si>
  <si>
    <t>73554900100700000986</t>
  </si>
  <si>
    <t>01200615320800002136</t>
  </si>
  <si>
    <t>73554900100700000987</t>
  </si>
  <si>
    <t>01200314690800000567</t>
  </si>
  <si>
    <t>73554900100700000990</t>
  </si>
  <si>
    <t>01200615320800000727</t>
  </si>
  <si>
    <t>73554900100700000995</t>
  </si>
  <si>
    <t>01200615320800003829</t>
  </si>
  <si>
    <t>01200615320800003841</t>
  </si>
  <si>
    <t>67837800100800004921</t>
  </si>
  <si>
    <t>67838200100800005481</t>
  </si>
  <si>
    <t>67838200100800004270</t>
  </si>
  <si>
    <t>73554900100700001007</t>
  </si>
  <si>
    <t>01200615320800000263</t>
  </si>
  <si>
    <t>73554900100700001016</t>
  </si>
  <si>
    <t>67837800100800006805</t>
  </si>
  <si>
    <t>73554900100700001023</t>
  </si>
  <si>
    <t>67837800100800005970</t>
  </si>
  <si>
    <t>73554900100700001024</t>
  </si>
  <si>
    <t>01200615320800001156</t>
  </si>
  <si>
    <t>73554900100800000491</t>
  </si>
  <si>
    <t>01200314690800001017</t>
  </si>
  <si>
    <t>73554900100700001329</t>
  </si>
  <si>
    <t>01200615320800000938</t>
  </si>
  <si>
    <t>01200615320800000234</t>
  </si>
  <si>
    <t>73554900100700001037</t>
  </si>
  <si>
    <t>67838200100800005191</t>
  </si>
  <si>
    <t>73554900100700001043</t>
  </si>
  <si>
    <t>67838200100800006672</t>
  </si>
  <si>
    <t>73555000100700000093</t>
  </si>
  <si>
    <t>73554900100800000304</t>
  </si>
  <si>
    <t>73554900100700001412</t>
  </si>
  <si>
    <t>67838200100800006254</t>
  </si>
  <si>
    <t>73554900100700001045</t>
  </si>
  <si>
    <t>01200615320800003533</t>
  </si>
  <si>
    <t>73554900100700001046</t>
  </si>
  <si>
    <t>67838200100800005440</t>
  </si>
  <si>
    <t>73554900100700001048</t>
  </si>
  <si>
    <t>67837800100800006549</t>
  </si>
  <si>
    <t>01200615320800000623</t>
  </si>
  <si>
    <t>01200615320800000626</t>
  </si>
  <si>
    <t>73554900100700001083</t>
  </si>
  <si>
    <t>01200314690800002438</t>
  </si>
  <si>
    <t>73554900100700001095</t>
  </si>
  <si>
    <t>01200615320800003828</t>
  </si>
  <si>
    <t>67837800100800004431</t>
  </si>
  <si>
    <t>01200615320800003840</t>
  </si>
  <si>
    <t>73554900100700001096</t>
  </si>
  <si>
    <t>01200615320800001129</t>
  </si>
  <si>
    <t>73554900100700001116</t>
  </si>
  <si>
    <t>01200314690800000203</t>
  </si>
  <si>
    <t>73554900100700001126</t>
  </si>
  <si>
    <t>67838200100800006479</t>
  </si>
  <si>
    <t>67837800100800006639</t>
  </si>
  <si>
    <t>73554900100700001132</t>
  </si>
  <si>
    <t>01200615320800001374</t>
  </si>
  <si>
    <t>01200615320800002507</t>
  </si>
  <si>
    <t>73554900100700001133</t>
  </si>
  <si>
    <t>01200615320800000253</t>
  </si>
  <si>
    <t>73554900100700001142</t>
  </si>
  <si>
    <t>67837800100800007300</t>
  </si>
  <si>
    <t>73554900100700001144</t>
  </si>
  <si>
    <t>67838200100800004348</t>
  </si>
  <si>
    <t>67838200100800006089</t>
  </si>
  <si>
    <t>67838200100800004052</t>
  </si>
  <si>
    <t>73554900100700001147</t>
  </si>
  <si>
    <t>67837800100800006797</t>
  </si>
  <si>
    <t>67837800100800006799</t>
  </si>
  <si>
    <t>67838200100800006418</t>
  </si>
  <si>
    <t>73554900100700001156</t>
  </si>
  <si>
    <t>67837800100800005219</t>
  </si>
  <si>
    <t>73554900100800000393</t>
  </si>
  <si>
    <t>73554900100700001170</t>
  </si>
  <si>
    <t>67838200100800004351</t>
  </si>
  <si>
    <t>67838200100800004355</t>
  </si>
  <si>
    <t>73554900100700001187</t>
  </si>
  <si>
    <t>01200314690800000222</t>
  </si>
  <si>
    <t>73554900100700001191</t>
  </si>
  <si>
    <t>01200245450800000023</t>
  </si>
  <si>
    <t>73555000100800000025</t>
  </si>
  <si>
    <t>73554900100700001204</t>
  </si>
  <si>
    <t>01200615320800001410</t>
  </si>
  <si>
    <t>73554900100700001208</t>
  </si>
  <si>
    <t>67837800100800005967</t>
  </si>
  <si>
    <t>73554900100700001209</t>
  </si>
  <si>
    <t>67838200100800006027</t>
  </si>
  <si>
    <t>73555000100800000091</t>
  </si>
  <si>
    <t>73554900100700001411</t>
  </si>
  <si>
    <t>73555000100800000148</t>
  </si>
  <si>
    <t>73554900100700001441</t>
  </si>
  <si>
    <t>73555000100800000302</t>
  </si>
  <si>
    <t>73554900100700001220</t>
  </si>
  <si>
    <t>01200615320800003726</t>
  </si>
  <si>
    <t>01200615320800004046</t>
  </si>
  <si>
    <t>01200615320800004045</t>
  </si>
  <si>
    <t>73554900100700001221</t>
  </si>
  <si>
    <t>01200615320800003727</t>
  </si>
  <si>
    <t>67837800100800005529</t>
  </si>
  <si>
    <t>01200615320800004048</t>
  </si>
  <si>
    <t>01200615320800004047</t>
  </si>
  <si>
    <t>73554900100700001222</t>
  </si>
  <si>
    <t>01200615320800003665</t>
  </si>
  <si>
    <t>67837800100800005528</t>
  </si>
  <si>
    <t>01200615320800004038</t>
  </si>
  <si>
    <t>01200615320800004037</t>
  </si>
  <si>
    <t>73554900100700001223</t>
  </si>
  <si>
    <t>01200314690800002257</t>
  </si>
  <si>
    <t>67838200100800004909</t>
  </si>
  <si>
    <t>73554900100700001224</t>
  </si>
  <si>
    <t>01200615320800003347</t>
  </si>
  <si>
    <t>73554900100700001226</t>
  </si>
  <si>
    <t>67837800100800007196</t>
  </si>
  <si>
    <t>73554900100700001247</t>
  </si>
  <si>
    <t>67838200100800006233</t>
  </si>
  <si>
    <t>67837800100800005969</t>
  </si>
  <si>
    <t>73555000100700000031</t>
  </si>
  <si>
    <t>73555000100800000063</t>
  </si>
  <si>
    <t>73554900100700001249</t>
  </si>
  <si>
    <t>01200314690800001009</t>
  </si>
  <si>
    <t>73554900100700001251</t>
  </si>
  <si>
    <t>67838200100800006508</t>
  </si>
  <si>
    <t>67838200100800006457</t>
  </si>
  <si>
    <t>67837800100800007336</t>
  </si>
  <si>
    <t>73554900100700000665</t>
  </si>
  <si>
    <t>01200314690800003774</t>
  </si>
  <si>
    <t>73554900100700000684</t>
  </si>
  <si>
    <t>01200615320800003325</t>
  </si>
  <si>
    <t>73554900100700000717</t>
  </si>
  <si>
    <t>01200314690800002878</t>
  </si>
  <si>
    <t>01200615320800000599</t>
  </si>
  <si>
    <t>73554900100700001067</t>
  </si>
  <si>
    <t>73555000100800000167</t>
  </si>
  <si>
    <t>73554900100700000732</t>
  </si>
  <si>
    <t>01200615320800003336</t>
  </si>
  <si>
    <t>73554900100700000743</t>
  </si>
  <si>
    <t>01200314690800003647</t>
  </si>
  <si>
    <t>73554900100700000783</t>
  </si>
  <si>
    <t>67838200100800006558</t>
  </si>
  <si>
    <t>73554900100700000851</t>
  </si>
  <si>
    <t>67837800100800007026</t>
  </si>
  <si>
    <t>73554900100700000950</t>
  </si>
  <si>
    <t>01200615320800000542</t>
  </si>
  <si>
    <t>01200314690800000855</t>
  </si>
  <si>
    <t>73554900100700000927</t>
  </si>
  <si>
    <t>01200615320800002733</t>
  </si>
  <si>
    <t>01200615320800002732</t>
  </si>
  <si>
    <t>73554900100700000928</t>
  </si>
  <si>
    <t>01200615320800003661</t>
  </si>
  <si>
    <t>01200615320800004029</t>
  </si>
  <si>
    <t>73554900100700000937</t>
  </si>
  <si>
    <t>01200615320800000724</t>
  </si>
  <si>
    <t>73554900100700001518</t>
  </si>
  <si>
    <t>73555000100800000254</t>
  </si>
  <si>
    <t>73554900100700001000</t>
  </si>
  <si>
    <t>01200615320800003663</t>
  </si>
  <si>
    <t>67837800100800004902</t>
  </si>
  <si>
    <t>01200615320800004032</t>
  </si>
  <si>
    <t>01200615320800004031</t>
  </si>
  <si>
    <t>73554900100700001001</t>
  </si>
  <si>
    <t>01200314690800000200</t>
  </si>
  <si>
    <t>73554900100700001021</t>
  </si>
  <si>
    <t>01200615320800003643</t>
  </si>
  <si>
    <t>01200615320800003835</t>
  </si>
  <si>
    <t>67838200100800005482</t>
  </si>
  <si>
    <t>73554900100700001034</t>
  </si>
  <si>
    <t>01200615320800001241</t>
  </si>
  <si>
    <t>01200615320800001244</t>
  </si>
  <si>
    <t>01200615320800001245</t>
  </si>
  <si>
    <t>01200615320800001248</t>
  </si>
  <si>
    <t>01200615320800001251</t>
  </si>
  <si>
    <t>01200615320800001246</t>
  </si>
  <si>
    <t>01200615320800001688</t>
  </si>
  <si>
    <t>01200615320800001213</t>
  </si>
  <si>
    <t>01200615320800001215</t>
  </si>
  <si>
    <t>01200615320800001243</t>
  </si>
  <si>
    <t>01200314690800000366</t>
  </si>
  <si>
    <t>01200615320800003583</t>
  </si>
  <si>
    <t>67837800100800005004</t>
  </si>
  <si>
    <t>01200615320800003581</t>
  </si>
  <si>
    <t>01200615320800003582</t>
  </si>
  <si>
    <t>01200615320800003580</t>
  </si>
  <si>
    <t>01200314690800001500</t>
  </si>
  <si>
    <t>01200615320800002701</t>
  </si>
  <si>
    <t>01200314690800001844</t>
  </si>
  <si>
    <t>01200314690800002013</t>
  </si>
  <si>
    <t>01200615320800001249</t>
  </si>
  <si>
    <t>01200615320800002982</t>
  </si>
  <si>
    <t>01200615320800002981</t>
  </si>
  <si>
    <t>01200615320800002983</t>
  </si>
  <si>
    <t>01200615320800001240</t>
  </si>
  <si>
    <t>01200314690800001760</t>
  </si>
  <si>
    <t>01200314690800001562</t>
  </si>
  <si>
    <t>01200314690800001563</t>
  </si>
  <si>
    <t>01200314690800001761</t>
  </si>
  <si>
    <t>01200314690800001762</t>
  </si>
  <si>
    <t>01200314690800001561</t>
  </si>
  <si>
    <t>01200314690800002014</t>
  </si>
  <si>
    <t>73554900100700001041</t>
  </si>
  <si>
    <t>67837800100800004489</t>
  </si>
  <si>
    <t>67837800100800004880</t>
  </si>
  <si>
    <t>67838200100800005483</t>
  </si>
  <si>
    <t>67838200100800005533</t>
  </si>
  <si>
    <t>67838200100800005534</t>
  </si>
  <si>
    <t>73554900100700001042</t>
  </si>
  <si>
    <t>01200615320800000555</t>
  </si>
  <si>
    <t>01200615320800003419</t>
  </si>
  <si>
    <t>73554900100700001044</t>
  </si>
  <si>
    <t>01200615320800003598</t>
  </si>
  <si>
    <t>67837800100800005526</t>
  </si>
  <si>
    <t>01200615320800004034</t>
  </si>
  <si>
    <t>01200615320800004033</t>
  </si>
  <si>
    <t>73555000100700000012</t>
  </si>
  <si>
    <t>67838200100800006735</t>
  </si>
  <si>
    <t>73554900100700001051</t>
  </si>
  <si>
    <t>01200615320800003827</t>
  </si>
  <si>
    <t>01200615320800003839</t>
  </si>
  <si>
    <t>67838200100800005484</t>
  </si>
  <si>
    <t>73554900100700001057</t>
  </si>
  <si>
    <t>67838200100800006858</t>
  </si>
  <si>
    <t>73554900100700001076</t>
  </si>
  <si>
    <t>01200615320800000630</t>
  </si>
  <si>
    <t>73554900100700001368</t>
  </si>
  <si>
    <t>01200615320800000998</t>
  </si>
  <si>
    <t>73554900100700001097</t>
  </si>
  <si>
    <t>01200615320800000695</t>
  </si>
  <si>
    <t>73554900100700001101</t>
  </si>
  <si>
    <t>67837800100800007357</t>
  </si>
  <si>
    <t>73555000100700000145</t>
  </si>
  <si>
    <t>73554900100800000382</t>
  </si>
  <si>
    <t>73554900100700001127</t>
  </si>
  <si>
    <t>01200314690800000184</t>
  </si>
  <si>
    <t>73554900100700001128</t>
  </si>
  <si>
    <t>01200615320800001066</t>
  </si>
  <si>
    <t>01200314690800000181</t>
  </si>
  <si>
    <t>01200314690800000180</t>
  </si>
  <si>
    <t>01200314690800000178</t>
  </si>
  <si>
    <t>01200314690800000179</t>
  </si>
  <si>
    <t>01200314690800000157</t>
  </si>
  <si>
    <t>01200314690800000183</t>
  </si>
  <si>
    <t>67838200100800005832</t>
  </si>
  <si>
    <t>73554900100700001189</t>
  </si>
  <si>
    <t>01200314690800001942</t>
  </si>
  <si>
    <t>73554900100700001264</t>
  </si>
  <si>
    <t>67837800100800005871</t>
  </si>
  <si>
    <t>73555000100700000281</t>
  </si>
  <si>
    <t>67837800100800006744</t>
  </si>
  <si>
    <t>67837800100800007325</t>
  </si>
  <si>
    <t>73554900100700001452</t>
  </si>
  <si>
    <t>67838200100800004024</t>
  </si>
  <si>
    <t>67837800100800006332</t>
  </si>
  <si>
    <t>67838200100800004730</t>
  </si>
  <si>
    <t>73554900100700001267</t>
  </si>
  <si>
    <t>67837800100800006334</t>
  </si>
  <si>
    <t>73554900100700001268</t>
  </si>
  <si>
    <t>67838200100800005707</t>
  </si>
  <si>
    <t>73554900100700001269</t>
  </si>
  <si>
    <t>67838200100800006242</t>
  </si>
  <si>
    <t>73554900100700001623</t>
  </si>
  <si>
    <t>67837800100800006356</t>
  </si>
  <si>
    <t>67837800100800006335</t>
  </si>
  <si>
    <t>73554900100700001207</t>
  </si>
  <si>
    <t>01200615320800000857</t>
  </si>
  <si>
    <t>01200615320800000997</t>
  </si>
  <si>
    <t>73554900100700001213</t>
  </si>
  <si>
    <t>01200615320800003662</t>
  </si>
  <si>
    <t>01200615320800004044</t>
  </si>
  <si>
    <t>01200615320800004043</t>
  </si>
  <si>
    <t>73554900100700001225</t>
  </si>
  <si>
    <t>01200615320800000572</t>
  </si>
  <si>
    <t>73554900100700001242</t>
  </si>
  <si>
    <t>67838200100800005362</t>
  </si>
  <si>
    <t>67838200100800005363</t>
  </si>
  <si>
    <t>73554900100700001243</t>
  </si>
  <si>
    <t>01200615320800000669</t>
  </si>
  <si>
    <t>73554900100700001244</t>
  </si>
  <si>
    <t>01200615320800000602</t>
  </si>
  <si>
    <t>01200615320800000703</t>
  </si>
  <si>
    <t>73554900100700001245</t>
  </si>
  <si>
    <t>73555000100800000429</t>
  </si>
  <si>
    <t>73554900100800000101</t>
  </si>
  <si>
    <t>73555000100800000332</t>
  </si>
  <si>
    <t>67837800100800004444</t>
  </si>
  <si>
    <t>67837800100800004445</t>
  </si>
  <si>
    <t>67837800100800004596</t>
  </si>
  <si>
    <t>67837800100800004597</t>
  </si>
  <si>
    <t>67837800100800004443</t>
  </si>
  <si>
    <t>73554900100700001246</t>
  </si>
  <si>
    <t>01200615320800001706</t>
  </si>
  <si>
    <t>73554900100700001256</t>
  </si>
  <si>
    <t>67837800100800007078</t>
  </si>
  <si>
    <t>67838200100800005571</t>
  </si>
  <si>
    <t>73554900100700000662</t>
  </si>
  <si>
    <t>73554900100800000005</t>
  </si>
  <si>
    <t>67838200100800006768</t>
  </si>
  <si>
    <t>73554900100700000692</t>
  </si>
  <si>
    <t>01200615320800002331</t>
  </si>
  <si>
    <t>73554900100700000691</t>
  </si>
  <si>
    <t>01200314690800000189</t>
  </si>
  <si>
    <t>73554900100700000715</t>
  </si>
  <si>
    <t>01200615320800002523</t>
  </si>
  <si>
    <t>73555000100700000016</t>
  </si>
  <si>
    <t>73555000100800000144</t>
  </si>
  <si>
    <t>73554900100700000739</t>
  </si>
  <si>
    <t>01200615320800000633</t>
  </si>
  <si>
    <t>01200615320800000624</t>
  </si>
  <si>
    <t>73554900100700000741</t>
  </si>
  <si>
    <t>01200615320800000746</t>
  </si>
  <si>
    <t>73555000100700000017</t>
  </si>
  <si>
    <t>73554900100800000280</t>
  </si>
  <si>
    <t>73554900100700000748</t>
  </si>
  <si>
    <t>67837800100800004437</t>
  </si>
  <si>
    <t>73554900100700000752</t>
  </si>
  <si>
    <t>01200615320800000598</t>
  </si>
  <si>
    <t>73554900100700000753</t>
  </si>
  <si>
    <t>01200615320800000684</t>
  </si>
  <si>
    <t>73554900100700000754</t>
  </si>
  <si>
    <t>67837800100800005508</t>
  </si>
  <si>
    <t>73554900100700000757</t>
  </si>
  <si>
    <t>67837800100800004458</t>
  </si>
  <si>
    <t>67837800100800004461</t>
  </si>
  <si>
    <t>67837800100800004460</t>
  </si>
  <si>
    <t>67838200100800006920</t>
  </si>
  <si>
    <t>67837800100800004459</t>
  </si>
  <si>
    <t>67837800100800006943</t>
  </si>
  <si>
    <t>67837800100800005772</t>
  </si>
  <si>
    <t>67838200100800005357</t>
  </si>
  <si>
    <t>73554900100700000772</t>
  </si>
  <si>
    <t>67837800100800004487</t>
  </si>
  <si>
    <t>73554900100700000775</t>
  </si>
  <si>
    <t>01200615320800000143</t>
  </si>
  <si>
    <t>73554900100700000780</t>
  </si>
  <si>
    <t>67838200100800006817</t>
  </si>
  <si>
    <t>73554900100700000781</t>
  </si>
  <si>
    <t>67837800100800007380</t>
  </si>
  <si>
    <t>67837800100800007379</t>
  </si>
  <si>
    <t>73555000100800000023</t>
  </si>
  <si>
    <t>73554900100700001423</t>
  </si>
  <si>
    <t>73554900100800000331</t>
  </si>
  <si>
    <t>73554900100700000788</t>
  </si>
  <si>
    <t>67838200100800005710</t>
  </si>
  <si>
    <t>67838200100800005959</t>
  </si>
  <si>
    <t>73554900100700000790</t>
  </si>
  <si>
    <t>01200615320800000651</t>
  </si>
  <si>
    <t>73554900100700000810</t>
  </si>
  <si>
    <t>01200314690800001458</t>
  </si>
  <si>
    <t>73554900100700000836</t>
  </si>
  <si>
    <t>01200314690800000123</t>
  </si>
  <si>
    <t>73555000100800000017</t>
  </si>
  <si>
    <t>73554900100700000848</t>
  </si>
  <si>
    <t>01200314690800002477</t>
  </si>
  <si>
    <t>73554900100800000364</t>
  </si>
  <si>
    <t>73554900100700000853</t>
  </si>
  <si>
    <t>01200314690800001255</t>
  </si>
  <si>
    <t>67838200100800006890</t>
  </si>
  <si>
    <t>73554900100700000854</t>
  </si>
  <si>
    <t>67837800100800005583</t>
  </si>
  <si>
    <t>67837800100800005833</t>
  </si>
  <si>
    <t>73554900100800000315</t>
  </si>
  <si>
    <t>73554900100700001521</t>
  </si>
  <si>
    <t>67838200100800005664</t>
  </si>
  <si>
    <t>73554900100700000688</t>
  </si>
  <si>
    <t>01200615320800000586</t>
  </si>
  <si>
    <t>01200314690800003384</t>
  </si>
  <si>
    <t>73554900100700000894</t>
  </si>
  <si>
    <t>67838200100800006367</t>
  </si>
  <si>
    <t>73554900100700000908</t>
  </si>
  <si>
    <t>01200615320800002752</t>
  </si>
  <si>
    <t>67838200100800003954</t>
  </si>
  <si>
    <t>67838200100800003955</t>
  </si>
  <si>
    <t>73554900100700000917</t>
  </si>
  <si>
    <t>01200314690800000137</t>
  </si>
  <si>
    <t>73554900100700000919</t>
  </si>
  <si>
    <t>73555000100800000083</t>
  </si>
  <si>
    <t>73554900100700000920</t>
  </si>
  <si>
    <t>01200615320800003602</t>
  </si>
  <si>
    <t>73554900100700000921</t>
  </si>
  <si>
    <t>01200615320800000610</t>
  </si>
  <si>
    <t>73554900100700000923</t>
  </si>
  <si>
    <t>67838200100800006262</t>
  </si>
  <si>
    <t>73554900100700000852</t>
  </si>
  <si>
    <t>73555000100800000039</t>
  </si>
  <si>
    <t>01200314690800001908</t>
  </si>
  <si>
    <t>01200314690800001866</t>
  </si>
  <si>
    <t>01200314690800001907</t>
  </si>
  <si>
    <t>01200314690800001858</t>
  </si>
  <si>
    <t>73555000100800000040</t>
  </si>
  <si>
    <t>01200314690800001909</t>
  </si>
  <si>
    <t>01200314690800001911</t>
  </si>
  <si>
    <t>01200314690800001910</t>
  </si>
  <si>
    <t>01200314690800001913</t>
  </si>
  <si>
    <t>01200314690800001912</t>
  </si>
  <si>
    <t>01200314690800001918</t>
  </si>
  <si>
    <t>01200314690800001862</t>
  </si>
  <si>
    <t>01200314690800001917</t>
  </si>
  <si>
    <t>01200314690800001860</t>
  </si>
  <si>
    <t>01200314690800001864</t>
  </si>
  <si>
    <t>01200314690800001863</t>
  </si>
  <si>
    <t>01200314690800001859</t>
  </si>
  <si>
    <t>01200314690800001861</t>
  </si>
  <si>
    <t>01200314690800001865</t>
  </si>
  <si>
    <t>73555000100800000101</t>
  </si>
  <si>
    <t>01200314690800001916</t>
  </si>
  <si>
    <t>01200314690800001914</t>
  </si>
  <si>
    <t>01200314690800001915</t>
  </si>
  <si>
    <t>67838200100800005397</t>
  </si>
  <si>
    <t>73554900100700001370</t>
  </si>
  <si>
    <t>67837800100800006429</t>
  </si>
  <si>
    <t>73554900100700000859</t>
  </si>
  <si>
    <t>67837800100800004492</t>
  </si>
  <si>
    <t>67837800100800004883</t>
  </si>
  <si>
    <t>67837800100800006722</t>
  </si>
  <si>
    <t>73554900100700001358</t>
  </si>
  <si>
    <t>73555000100800000056</t>
  </si>
  <si>
    <t>73554900100700000932</t>
  </si>
  <si>
    <t>01200314690800000437</t>
  </si>
  <si>
    <t>73554900100700000933</t>
  </si>
  <si>
    <t>67838200100800006788</t>
  </si>
  <si>
    <t>73555000100800000371</t>
  </si>
  <si>
    <t>73555000100800000037</t>
  </si>
  <si>
    <t>73555000100800000054</t>
  </si>
  <si>
    <t>73554900100800000682</t>
  </si>
  <si>
    <t>73554900100800000432</t>
  </si>
  <si>
    <t>73555000100800000053</t>
  </si>
  <si>
    <t>73555000100800000052</t>
  </si>
  <si>
    <t>73555000100800000051</t>
  </si>
  <si>
    <t>73555000100800000038</t>
  </si>
  <si>
    <t>73555000100800000044</t>
  </si>
  <si>
    <t>73554900100700000934</t>
  </si>
  <si>
    <t>67837800100800007301</t>
  </si>
  <si>
    <t>73554900100700000942</t>
  </si>
  <si>
    <t>01200314690800001598</t>
  </si>
  <si>
    <t>73554900100700000948</t>
  </si>
  <si>
    <t>01200615320800002487</t>
  </si>
  <si>
    <t>01200615320800000062</t>
  </si>
  <si>
    <t>01200615320800003298</t>
  </si>
  <si>
    <t>73554900100700000949</t>
  </si>
  <si>
    <t>01200615320800000652</t>
  </si>
  <si>
    <t>73554900100700000954</t>
  </si>
  <si>
    <t>01200615320800003826</t>
  </si>
  <si>
    <t>01200615320800003838</t>
  </si>
  <si>
    <t>73554900100700000966</t>
  </si>
  <si>
    <t>67838200100800006030</t>
  </si>
  <si>
    <t>67838200100800006229</t>
  </si>
  <si>
    <t>73554900100700000967</t>
  </si>
  <si>
    <t>01200615320800000211</t>
  </si>
  <si>
    <t>73554900100700000971</t>
  </si>
  <si>
    <t>01200314690800003924</t>
  </si>
  <si>
    <t>73554900100700001014</t>
  </si>
  <si>
    <t>67837800100800007096</t>
  </si>
  <si>
    <t>73554900100700001018</t>
  </si>
  <si>
    <t>01200314690800000127</t>
  </si>
  <si>
    <t>73554900100700001365</t>
  </si>
  <si>
    <t>73554900100800000141</t>
  </si>
  <si>
    <t>73554900100700000723</t>
  </si>
  <si>
    <t>67837800100800004602</t>
  </si>
  <si>
    <t>73554900100800000396</t>
  </si>
  <si>
    <t>01200314690800002053</t>
  </si>
  <si>
    <t>67838200100800006743</t>
  </si>
  <si>
    <t>01200314690800000141</t>
  </si>
  <si>
    <t>01200615320800000936</t>
  </si>
  <si>
    <t>67838200100800006064</t>
  </si>
  <si>
    <t>01200615320800002448</t>
  </si>
  <si>
    <t>01200615320800000736</t>
  </si>
  <si>
    <t>73554900100700001300</t>
  </si>
  <si>
    <t>01200615320800000710</t>
  </si>
  <si>
    <t>73554900100700001050</t>
  </si>
  <si>
    <t>01200314690800002558</t>
  </si>
  <si>
    <t>73554900100700001052</t>
  </si>
  <si>
    <t>67838200100800006388</t>
  </si>
  <si>
    <t>73554900100700001059</t>
  </si>
  <si>
    <t>01200314690800000161</t>
  </si>
  <si>
    <t>73554900100700001063</t>
  </si>
  <si>
    <t>01200314690800000153</t>
  </si>
  <si>
    <t>73554900100700001069</t>
  </si>
  <si>
    <t>73554900100700001079</t>
  </si>
  <si>
    <t>01200615320800002036</t>
  </si>
  <si>
    <t>01200615320800000689</t>
  </si>
  <si>
    <t>01200615320800002538</t>
  </si>
  <si>
    <t>01200615320800002616</t>
  </si>
  <si>
    <t>73554900100700001093</t>
  </si>
  <si>
    <t>67838200100800004017</t>
  </si>
  <si>
    <t>73554900100700001102</t>
  </si>
  <si>
    <t>01200615320800002330</t>
  </si>
  <si>
    <t>01200615320800000622</t>
  </si>
  <si>
    <t>01200615320800002352</t>
  </si>
  <si>
    <t>01200615320800000642</t>
  </si>
  <si>
    <t>01200615320800000643</t>
  </si>
  <si>
    <t>01200615320800000644</t>
  </si>
  <si>
    <t>01200615320800000645</t>
  </si>
  <si>
    <t>01200314690800001321</t>
  </si>
  <si>
    <t>01200314690800001749</t>
  </si>
  <si>
    <t>01200615320800000641</t>
  </si>
  <si>
    <t>01200615320800000638</t>
  </si>
  <si>
    <t>01200615320800002309</t>
  </si>
  <si>
    <t>01200615320800000639</t>
  </si>
  <si>
    <t>01200615320800002329</t>
  </si>
  <si>
    <t>01200615320800000640</t>
  </si>
  <si>
    <t>01200615320800002353</t>
  </si>
  <si>
    <t>73554900100700001108</t>
  </si>
  <si>
    <t>01200314690800000417</t>
  </si>
  <si>
    <t>67838200100800005189</t>
  </si>
  <si>
    <t>73554900100700001114</t>
  </si>
  <si>
    <t>73554900100800000111</t>
  </si>
  <si>
    <t>73555000100800000307</t>
  </si>
  <si>
    <t>67838200100800006734</t>
  </si>
  <si>
    <t>73554900100700001421</t>
  </si>
  <si>
    <t>73554900100800000372</t>
  </si>
  <si>
    <t>73554900100700000694</t>
  </si>
  <si>
    <t>01200615320800000646</t>
  </si>
  <si>
    <t>73554900100700001360</t>
  </si>
  <si>
    <t>73555000100800000088</t>
  </si>
  <si>
    <t>73554900100700001123</t>
  </si>
  <si>
    <t>67837800100800005996</t>
  </si>
  <si>
    <t>73554900100700001124</t>
  </si>
  <si>
    <t>67837800100800004233</t>
  </si>
  <si>
    <t>67838200100800006397</t>
  </si>
  <si>
    <t>73554900100700001130</t>
  </si>
  <si>
    <t>67837800100800007331</t>
  </si>
  <si>
    <t>73554900100700000877</t>
  </si>
  <si>
    <t>73554900100800000002</t>
  </si>
  <si>
    <t>73554900100700001135</t>
  </si>
  <si>
    <t>01200314690800001687</t>
  </si>
  <si>
    <t>73554900100700001140</t>
  </si>
  <si>
    <t>01200615320800000776</t>
  </si>
  <si>
    <t>73554900100700001330</t>
  </si>
  <si>
    <t>01200615320800000372</t>
  </si>
  <si>
    <t>73554900100700001152</t>
  </si>
  <si>
    <t>01200615320800000587</t>
  </si>
  <si>
    <t>73554900100700001159</t>
  </si>
  <si>
    <t>67837800100800006433</t>
  </si>
  <si>
    <t>67838200100800004735</t>
  </si>
  <si>
    <t>73555000100800000081</t>
  </si>
  <si>
    <t>67838200100800005942</t>
  </si>
  <si>
    <t>73554900100700001235</t>
  </si>
  <si>
    <t>01200615320800000663</t>
  </si>
  <si>
    <t>73554900100700001236</t>
  </si>
  <si>
    <t>01200314690800000225</t>
  </si>
  <si>
    <t>73554900100700001240</t>
  </si>
  <si>
    <t>01200314690800000191</t>
  </si>
  <si>
    <t>73554900100700001241</t>
  </si>
  <si>
    <t>67837800100800006435</t>
  </si>
  <si>
    <t>67838200100800004912</t>
  </si>
  <si>
    <t>67837800100800007137</t>
  </si>
  <si>
    <t>67837800100800007136</t>
  </si>
  <si>
    <t>67838200100800005709</t>
  </si>
  <si>
    <t>73554900100800000150</t>
  </si>
  <si>
    <t>67838200100800005712</t>
  </si>
  <si>
    <t>67838200100800005960</t>
  </si>
  <si>
    <t>67837800100800007138</t>
  </si>
  <si>
    <t>67837800100800007139</t>
  </si>
  <si>
    <t>67838200100800005772</t>
  </si>
  <si>
    <t>67838200100800005773</t>
  </si>
  <si>
    <t>67838200100800005944</t>
  </si>
  <si>
    <t>67838200100800005946</t>
  </si>
  <si>
    <t>67838200100800005776</t>
  </si>
  <si>
    <t>67837800100800006926</t>
  </si>
  <si>
    <t>67838200100800005957</t>
  </si>
  <si>
    <t>67838200100800005716</t>
  </si>
  <si>
    <t>67838200100800005618</t>
  </si>
  <si>
    <t>01200615320800003226</t>
  </si>
  <si>
    <t>73554900100700001287</t>
  </si>
  <si>
    <t>01200615320800003228</t>
  </si>
  <si>
    <t>73554900100700001288</t>
  </si>
  <si>
    <t>67838200100800006210</t>
  </si>
  <si>
    <t>73554900100700001343</t>
  </si>
  <si>
    <t>73554900100800000194</t>
  </si>
  <si>
    <t>73554900100700000655</t>
  </si>
  <si>
    <t>67838200100800006082</t>
  </si>
  <si>
    <t>73554900100700000830</t>
  </si>
  <si>
    <t>01200615320800003596</t>
  </si>
  <si>
    <t>67837800100800005527</t>
  </si>
  <si>
    <t>01200615320800004026</t>
  </si>
  <si>
    <t>01200615320800003535</t>
  </si>
  <si>
    <t>73554900100700000909</t>
  </si>
  <si>
    <t>01200615320800000756</t>
  </si>
  <si>
    <t>73554900100700001160</t>
  </si>
  <si>
    <t>67838200100800006744</t>
  </si>
  <si>
    <t>67838200100800006746</t>
  </si>
  <si>
    <t>67838200100800006745</t>
  </si>
  <si>
    <t>73554900100700001186</t>
  </si>
  <si>
    <t>01200314690800000204</t>
  </si>
  <si>
    <t>01200314690800001447</t>
  </si>
  <si>
    <t>01200314690800001457</t>
  </si>
  <si>
    <t>73554900100700001196</t>
  </si>
  <si>
    <t>01200615320800003323</t>
  </si>
  <si>
    <t>73554900100700001197</t>
  </si>
  <si>
    <t>01200314690800002016</t>
  </si>
  <si>
    <t>73554900100700001198</t>
  </si>
  <si>
    <t>01200314690800000699</t>
  </si>
  <si>
    <t>01200314690800002925</t>
  </si>
  <si>
    <t>01200615320800000582</t>
  </si>
  <si>
    <t>73554900100800000259</t>
  </si>
  <si>
    <t>01200615320800000696</t>
  </si>
  <si>
    <t>01200314690800000182</t>
  </si>
  <si>
    <t>01200615320800002374</t>
  </si>
  <si>
    <t>67837800100800006546</t>
  </si>
  <si>
    <t>01200615320800000711</t>
  </si>
  <si>
    <t>67837800100800004467</t>
  </si>
  <si>
    <t>73554900100700001227</t>
  </si>
  <si>
    <t>67838200100800006097</t>
  </si>
  <si>
    <t>73554900100700001541</t>
  </si>
  <si>
    <t>73554900100800000245</t>
  </si>
  <si>
    <t>01200615320800003981</t>
  </si>
  <si>
    <t>73554900100700001341</t>
  </si>
  <si>
    <t>01200615320800000615</t>
  </si>
  <si>
    <t>73554900100700000660</t>
  </si>
  <si>
    <t>01200615320800002038</t>
  </si>
  <si>
    <t>73554900100700000686</t>
  </si>
  <si>
    <t>01200314690800000389</t>
  </si>
  <si>
    <t>73554900100700000690</t>
  </si>
  <si>
    <t>01200314690800000237</t>
  </si>
  <si>
    <t>73554900100700000706</t>
  </si>
  <si>
    <t>01200615320800000674</t>
  </si>
  <si>
    <t>73554900100700000713</t>
  </si>
  <si>
    <t>01200615320800000675</t>
  </si>
  <si>
    <t>73554900100700000731</t>
  </si>
  <si>
    <t>01200615320800004120</t>
  </si>
  <si>
    <t>73554900100700000767</t>
  </si>
  <si>
    <t>73555000100800000240</t>
  </si>
  <si>
    <t>01200245450800000024</t>
  </si>
  <si>
    <t>01200314690800003104</t>
  </si>
  <si>
    <t>73555000100800000271</t>
  </si>
  <si>
    <t>67837800100800007332</t>
  </si>
  <si>
    <t>73554900100700000768</t>
  </si>
  <si>
    <t>67838200100800006730</t>
  </si>
  <si>
    <t>73554900100700000771</t>
  </si>
  <si>
    <t>01200314690800003843</t>
  </si>
  <si>
    <t>73554900100700000796</t>
  </si>
  <si>
    <t>01200314690800001807</t>
  </si>
  <si>
    <t>73554900100700000808</t>
  </si>
  <si>
    <t>01200615320800003002</t>
  </si>
  <si>
    <t>73554900100700000705</t>
  </si>
  <si>
    <t>01200615320800000690</t>
  </si>
  <si>
    <t>73554900100700000910</t>
  </si>
  <si>
    <t>01200615320800003651</t>
  </si>
  <si>
    <t>73554900100700000914</t>
  </si>
  <si>
    <t>67838200100800005403</t>
  </si>
  <si>
    <t>67838200100800003952</t>
  </si>
  <si>
    <t>01200615320800000627</t>
  </si>
  <si>
    <t>73554900100700001297</t>
  </si>
  <si>
    <t>01200314690800000226</t>
  </si>
  <si>
    <t>73554900100700000935</t>
  </si>
  <si>
    <t>67838200100800006194</t>
  </si>
  <si>
    <t>73554900100700000936</t>
  </si>
  <si>
    <t>01200314690800001317</t>
  </si>
  <si>
    <t>67837800100800005457</t>
  </si>
  <si>
    <t>67837800100800006537</t>
  </si>
  <si>
    <t>73554900100700000956</t>
  </si>
  <si>
    <t>01200615320800000568</t>
  </si>
  <si>
    <t>73554900100700000963</t>
  </si>
  <si>
    <t>01200615320800000705</t>
  </si>
  <si>
    <t>67838200100800004271</t>
  </si>
  <si>
    <t>73554900100800000335</t>
  </si>
  <si>
    <t>73555000100700000201</t>
  </si>
  <si>
    <t>73555000100800000346</t>
  </si>
  <si>
    <t>73554900100700000976</t>
  </si>
  <si>
    <t>01200615320800000553</t>
  </si>
  <si>
    <t>73554900100700000980</t>
  </si>
  <si>
    <t>67837800100800006641</t>
  </si>
  <si>
    <t>73554900100700000981</t>
  </si>
  <si>
    <t>01200314690800003147</t>
  </si>
  <si>
    <t>01200615320800000634</t>
  </si>
  <si>
    <t>67838200100800006950</t>
  </si>
  <si>
    <t>73554900100700000992</t>
  </si>
  <si>
    <t>01200314690800001668</t>
  </si>
  <si>
    <t>73555000100700000202</t>
  </si>
  <si>
    <t>73555000100800000347</t>
  </si>
  <si>
    <t>73554900100700001015</t>
  </si>
  <si>
    <t>67837800100800004491</t>
  </si>
  <si>
    <t>67837800100800004882</t>
  </si>
  <si>
    <t>73554900100700001010</t>
  </si>
  <si>
    <t>01200615320800002708</t>
  </si>
  <si>
    <t>01200314690800003775</t>
  </si>
  <si>
    <t>73554900100700001017</t>
  </si>
  <si>
    <t>67838200100800006742</t>
  </si>
  <si>
    <t>73554900100700001022</t>
  </si>
  <si>
    <t>67837800100800006432</t>
  </si>
  <si>
    <t>67838200100800004869</t>
  </si>
  <si>
    <t>67838200100800005711</t>
  </si>
  <si>
    <t>73554900100800000162</t>
  </si>
  <si>
    <t>67838200100800006771</t>
  </si>
  <si>
    <t>67838200100800005958</t>
  </si>
  <si>
    <t>67838200100800005941</t>
  </si>
  <si>
    <t>73554900100700001058</t>
  </si>
  <si>
    <t>01200615320800003660</t>
  </si>
  <si>
    <t>01200615320800004035</t>
  </si>
  <si>
    <t>73554900100700000862</t>
  </si>
  <si>
    <t>67838200100800006587</t>
  </si>
  <si>
    <t>73554900100700001087</t>
  </si>
  <si>
    <t>01200615320800002972</t>
  </si>
  <si>
    <t>67838200100800004021</t>
  </si>
  <si>
    <t>67838200100800004023</t>
  </si>
  <si>
    <t>67838200100800004842</t>
  </si>
  <si>
    <t>67838200100800006250</t>
  </si>
  <si>
    <t>73554900100700001138</t>
  </si>
  <si>
    <t>01200314690800002040</t>
  </si>
  <si>
    <t>01200615320800000766</t>
  </si>
  <si>
    <t>01200615320800000786</t>
  </si>
  <si>
    <t>73554900100700001154</t>
  </si>
  <si>
    <t>67838200100800005425</t>
  </si>
  <si>
    <t>67837800100800004463</t>
  </si>
  <si>
    <t>73554900100700001163</t>
  </si>
  <si>
    <t>67837800100800007076</t>
  </si>
  <si>
    <t>01200615320800000692</t>
  </si>
  <si>
    <t>01200615320800003649</t>
  </si>
  <si>
    <t>01200314690800001989</t>
  </si>
  <si>
    <t>73554900100700001084</t>
  </si>
  <si>
    <t>01200314690800000136</t>
  </si>
  <si>
    <t>73554900100700001199</t>
  </si>
  <si>
    <t>67837800100800005972</t>
  </si>
  <si>
    <t>73554900100700001200</t>
  </si>
  <si>
    <t>73555000100800000239</t>
  </si>
  <si>
    <t>67838200100800004844</t>
  </si>
  <si>
    <t>01200314690800000557</t>
  </si>
  <si>
    <t>01200615320800000492</t>
  </si>
  <si>
    <t>01200314690800000205</t>
  </si>
  <si>
    <t>01200314690800000160</t>
  </si>
  <si>
    <t>73554900100700001201</t>
  </si>
  <si>
    <t>01200615320800001006</t>
  </si>
  <si>
    <t>73554900100700001202</t>
  </si>
  <si>
    <t>01200615320800003016</t>
  </si>
  <si>
    <t>73554900100700001203</t>
  </si>
  <si>
    <t>01200615320800000702</t>
  </si>
  <si>
    <t>67837800100800006740</t>
  </si>
  <si>
    <t>73554900100700001216</t>
  </si>
  <si>
    <t>01200615320800003833</t>
  </si>
  <si>
    <t>01200615320800003846</t>
  </si>
  <si>
    <t>73554900100700001217</t>
  </si>
  <si>
    <t>01200615320800003834</t>
  </si>
  <si>
    <t>01200615320800003847</t>
  </si>
  <si>
    <t>73554900100700001218</t>
  </si>
  <si>
    <t>67838200100800004267</t>
  </si>
  <si>
    <t>01200615320800000686</t>
  </si>
  <si>
    <t>67838200100800006898</t>
  </si>
  <si>
    <t>73554900100700001219</t>
  </si>
  <si>
    <t>67837800100800007299</t>
  </si>
  <si>
    <t>73555000100700000020</t>
  </si>
  <si>
    <t>73554900100800000291</t>
  </si>
  <si>
    <t>73554900100700001250</t>
  </si>
  <si>
    <t>01200314690800000121</t>
  </si>
  <si>
    <t>73554900100700001254</t>
  </si>
  <si>
    <t>67837800100800007101</t>
  </si>
  <si>
    <t>73554900100700001255</t>
  </si>
  <si>
    <t>67837800100800007099</t>
  </si>
  <si>
    <t>73554900100700001282</t>
  </si>
  <si>
    <t>67837800100800005506</t>
  </si>
  <si>
    <t>73554900100700000647</t>
  </si>
  <si>
    <t>67837800100800005618</t>
  </si>
  <si>
    <t>01200615320800001077</t>
  </si>
  <si>
    <t>73554900100700000652</t>
  </si>
  <si>
    <t>01200615320800001742</t>
  </si>
  <si>
    <t>73555000100700000032</t>
  </si>
  <si>
    <t>73554900100800000322</t>
  </si>
  <si>
    <t>73554900100700000698</t>
  </si>
  <si>
    <t>01200314690800000427</t>
  </si>
  <si>
    <t>73554900100700000703</t>
  </si>
  <si>
    <t>67838200100800005509</t>
  </si>
  <si>
    <t>73555000100800000427</t>
  </si>
  <si>
    <t>73554900100700000716</t>
  </si>
  <si>
    <t>67838200100800006383</t>
  </si>
  <si>
    <t>73554900100700000722</t>
  </si>
  <si>
    <t>67838200100800006438</t>
  </si>
  <si>
    <t>73554900100700001295</t>
  </si>
  <si>
    <t>73554900100800000193</t>
  </si>
  <si>
    <t>73554900100700000745</t>
  </si>
  <si>
    <t>01200314690800000144</t>
  </si>
  <si>
    <t>73554900100700001352</t>
  </si>
  <si>
    <t>67837800100800007297</t>
  </si>
  <si>
    <t>73554900100700000755</t>
  </si>
  <si>
    <t>01200615320800002847</t>
  </si>
  <si>
    <t>73554900100700001294</t>
  </si>
  <si>
    <t>73554900100800000209</t>
  </si>
  <si>
    <t>73554900100700000770</t>
  </si>
  <si>
    <t>01200615320800003031</t>
  </si>
  <si>
    <t>73555000100700000092</t>
  </si>
  <si>
    <t>73554900100800000200</t>
  </si>
  <si>
    <t>73554900100700000774</t>
  </si>
  <si>
    <t>67838200100800006828</t>
  </si>
  <si>
    <t>73554900100800000011</t>
  </si>
  <si>
    <t>73554900100700000776</t>
  </si>
  <si>
    <t>01200314690800001892</t>
  </si>
  <si>
    <t>73554900100700000778</t>
  </si>
  <si>
    <t>01200314690800001925</t>
  </si>
  <si>
    <t>01200314690800001926</t>
  </si>
  <si>
    <t>01200314690800002012</t>
  </si>
  <si>
    <t>73554900100700000779</t>
  </si>
  <si>
    <t>67838200100800005365</t>
  </si>
  <si>
    <t>73554900100700000789</t>
  </si>
  <si>
    <t>67838200100800006647</t>
  </si>
  <si>
    <t>67838200100800006567</t>
  </si>
  <si>
    <t>73554900100700000801</t>
  </si>
  <si>
    <t>01200314690800000241</t>
  </si>
  <si>
    <t>73554900100700000804</t>
  </si>
  <si>
    <t>01200314690800000142</t>
  </si>
  <si>
    <t>01200314690800000143</t>
  </si>
  <si>
    <t>01200314690800000152</t>
  </si>
  <si>
    <t>73554900100700001293</t>
  </si>
  <si>
    <t>73555000100800000147</t>
  </si>
  <si>
    <t>01200615320800000859</t>
  </si>
  <si>
    <t>73554900100700000809</t>
  </si>
  <si>
    <t>01200314690800001207</t>
  </si>
  <si>
    <t>73554900100700000838</t>
  </si>
  <si>
    <t>67837800100800004473</t>
  </si>
  <si>
    <t>73554900100700000839</t>
  </si>
  <si>
    <t>67837800100800006741</t>
  </si>
  <si>
    <t>67837800100800007337</t>
  </si>
  <si>
    <t>73555000100700000147</t>
  </si>
  <si>
    <t>73555000100800000141</t>
  </si>
  <si>
    <t>73554900100700000872</t>
  </si>
  <si>
    <t>67837800100800006749</t>
  </si>
  <si>
    <t>73554900100700001631</t>
  </si>
  <si>
    <t>73555000100800000342</t>
  </si>
  <si>
    <t>73554900100700001461</t>
  </si>
  <si>
    <t>01200314690800000242</t>
  </si>
  <si>
    <t>01200615320800000728</t>
  </si>
  <si>
    <t>73554900100700000947</t>
  </si>
  <si>
    <t>67837800100800007359</t>
  </si>
  <si>
    <t>73554900100700000960</t>
  </si>
  <si>
    <t>67837800100800007197</t>
  </si>
  <si>
    <t>01200314690800000961</t>
  </si>
  <si>
    <t>73554900100700000977</t>
  </si>
  <si>
    <t>67838200100800006134</t>
  </si>
  <si>
    <t>67838200100800006057</t>
  </si>
  <si>
    <t>67838200100800006136</t>
  </si>
  <si>
    <t>67838200100800006137</t>
  </si>
  <si>
    <t>67838200100800006142</t>
  </si>
  <si>
    <t>67838200100800006135</t>
  </si>
  <si>
    <t>67838200100800006121</t>
  </si>
  <si>
    <t>67838200100800006119</t>
  </si>
  <si>
    <t>67838200100800006120</t>
  </si>
  <si>
    <t>67838200100800006131</t>
  </si>
  <si>
    <t>67838200100800006127</t>
  </si>
  <si>
    <t>67838200100800006128</t>
  </si>
  <si>
    <t>67838200100800006132</t>
  </si>
  <si>
    <t>67838200100800006118</t>
  </si>
  <si>
    <t>67838200100800006133</t>
  </si>
  <si>
    <t>67838200100800006117</t>
  </si>
  <si>
    <t>67838200100800006122</t>
  </si>
  <si>
    <t>67838200100800006123</t>
  </si>
  <si>
    <t>67838200100800006109</t>
  </si>
  <si>
    <t>67838200100800006115</t>
  </si>
  <si>
    <t>67838200100800006248</t>
  </si>
  <si>
    <t>73555000100800000043</t>
  </si>
  <si>
    <t>73555000100800000461</t>
  </si>
  <si>
    <t>67838200100800006537</t>
  </si>
  <si>
    <t>67837800100800007345</t>
  </si>
  <si>
    <t>73555000100800000162</t>
  </si>
  <si>
    <t>73555000100800000152</t>
  </si>
  <si>
    <t>67838200100800006469</t>
  </si>
  <si>
    <t>73554900100800000019</t>
  </si>
  <si>
    <t>67837800100800007396</t>
  </si>
  <si>
    <t>67838200100800006299</t>
  </si>
  <si>
    <t>67838200100800006947</t>
  </si>
  <si>
    <t>67837800100800007377</t>
  </si>
  <si>
    <t>67837800100800007356</t>
  </si>
  <si>
    <t>67838200100800006297</t>
  </si>
  <si>
    <t>73555000100800000089</t>
  </si>
  <si>
    <t>67838200100800006867</t>
  </si>
  <si>
    <t>73554900100800000543</t>
  </si>
  <si>
    <t>73554900100800000151</t>
  </si>
  <si>
    <t>67838200100800006336</t>
  </si>
  <si>
    <t>67838200100800006358</t>
  </si>
  <si>
    <t>67838200100800006357</t>
  </si>
  <si>
    <t>67838200100800006604</t>
  </si>
  <si>
    <t>67838200100800006648</t>
  </si>
  <si>
    <t>67838200100800006599</t>
  </si>
  <si>
    <t>67838200100800006538</t>
  </si>
  <si>
    <t>67838200100800006338</t>
  </si>
  <si>
    <t>73555000100800000131</t>
  </si>
  <si>
    <t>67838200100800006420</t>
  </si>
  <si>
    <t>67838200100800006427</t>
  </si>
  <si>
    <t>73554900100800000705</t>
  </si>
  <si>
    <t>73555000100800000012</t>
  </si>
  <si>
    <t>67838200100800006407</t>
  </si>
  <si>
    <t>67838200100800006307</t>
  </si>
  <si>
    <t>67838200100800006899</t>
  </si>
  <si>
    <t>73555000100800000163</t>
  </si>
  <si>
    <t>67838200100800006468</t>
  </si>
  <si>
    <t>67838200100800006467</t>
  </si>
  <si>
    <t>67838200100800006447</t>
  </si>
  <si>
    <t>67838200100800006437</t>
  </si>
  <si>
    <t>73554900100800000375</t>
  </si>
  <si>
    <t>73555000100800000061</t>
  </si>
  <si>
    <t>67838200100800006247</t>
  </si>
  <si>
    <t>67838200100800006129</t>
  </si>
  <si>
    <t>67838200100800006130</t>
  </si>
  <si>
    <t>67838200100800006230</t>
  </si>
  <si>
    <t>73554900100700000979</t>
  </si>
  <si>
    <t>01200615320800000573</t>
  </si>
  <si>
    <t>73554900100700001362</t>
  </si>
  <si>
    <t>73555000100800000066</t>
  </si>
  <si>
    <t>73554900100700000982</t>
  </si>
  <si>
    <t>67837800100800007391</t>
  </si>
  <si>
    <t>73555000100700000117</t>
  </si>
  <si>
    <t>73554900100800000358</t>
  </si>
  <si>
    <t>73554900100700000996</t>
  </si>
  <si>
    <t>67838200100800006927</t>
  </si>
  <si>
    <t>67838200100800004383</t>
  </si>
  <si>
    <t>73555000100800000256</t>
  </si>
  <si>
    <t>73555000100800000062</t>
  </si>
  <si>
    <t>73555000100800000041</t>
  </si>
  <si>
    <t>73554900100800000063</t>
  </si>
  <si>
    <t>67838200100800006287</t>
  </si>
  <si>
    <t>67837800100800005832</t>
  </si>
  <si>
    <t>73555000100800000217</t>
  </si>
  <si>
    <t>73554900100800000272</t>
  </si>
  <si>
    <t>67838200100800006753</t>
  </si>
  <si>
    <t>73554900100800000033</t>
  </si>
  <si>
    <t>73555000100800000105</t>
  </si>
  <si>
    <t>73554900100800000098</t>
  </si>
  <si>
    <t>67838200100800004076</t>
  </si>
  <si>
    <t>67838200100800005677</t>
  </si>
  <si>
    <t>01200314690800001891</t>
  </si>
  <si>
    <t>67837800100800007289</t>
  </si>
  <si>
    <t>01200314690800001945</t>
  </si>
  <si>
    <t>73554900100800000114</t>
  </si>
  <si>
    <t>73555000100700000181</t>
  </si>
  <si>
    <t>67837800100800004901</t>
  </si>
  <si>
    <t>67838200100800006241</t>
  </si>
  <si>
    <t>01200615320800003694</t>
  </si>
  <si>
    <t>73555000100800000182</t>
  </si>
  <si>
    <t>67838200100800005117</t>
  </si>
  <si>
    <t>67837800100800006801</t>
  </si>
  <si>
    <t>67837800100800005974</t>
  </si>
  <si>
    <t>01200314690800003678</t>
  </si>
  <si>
    <t>67837800100800007077</t>
  </si>
  <si>
    <t>73554900100700001326</t>
  </si>
  <si>
    <t>67838200100800006846</t>
  </si>
  <si>
    <t>67837800100800006714</t>
  </si>
  <si>
    <t>73554900100800000314</t>
  </si>
  <si>
    <t>67838200100800006330</t>
  </si>
  <si>
    <t>67838200100800006859</t>
  </si>
  <si>
    <t>67838200100800006628</t>
  </si>
  <si>
    <t>67838200100800006328</t>
  </si>
  <si>
    <t>73554900100800000003</t>
  </si>
  <si>
    <t>67838200100800006333</t>
  </si>
  <si>
    <t>67838200100800006331</t>
  </si>
  <si>
    <t>67838200100800006144</t>
  </si>
  <si>
    <t>73554900100800000311</t>
  </si>
  <si>
    <t>67837800100800007333</t>
  </si>
  <si>
    <t>67838200100800006857</t>
  </si>
  <si>
    <t>67837800100800007361</t>
  </si>
  <si>
    <t>67838200100800006680</t>
  </si>
  <si>
    <t>67837800100800005800</t>
  </si>
  <si>
    <t>67837800100800007365</t>
  </si>
  <si>
    <t>67837800100800005799</t>
  </si>
  <si>
    <t>73555000100800000283</t>
  </si>
  <si>
    <t>73554900100800000313</t>
  </si>
  <si>
    <t>67837800100800005803</t>
  </si>
  <si>
    <t>67838200100800006332</t>
  </si>
  <si>
    <t>67838200100800006619</t>
  </si>
  <si>
    <t>67837800100800005801</t>
  </si>
  <si>
    <t>73555000100800000285</t>
  </si>
  <si>
    <t>67837800100800005802</t>
  </si>
  <si>
    <t>67838200100800006860</t>
  </si>
  <si>
    <t>67838200100800006329</t>
  </si>
  <si>
    <t>67838200100800006843</t>
  </si>
  <si>
    <t>67838200100800006627</t>
  </si>
  <si>
    <t>67837800100800005804</t>
  </si>
  <si>
    <t>73555000100700000141</t>
  </si>
  <si>
    <t>73554900100800000041</t>
  </si>
  <si>
    <t>73554900100700001422</t>
  </si>
  <si>
    <t>73554900100800000268</t>
  </si>
  <si>
    <t>73554900100700001027</t>
  </si>
  <si>
    <t>67837800100800006849</t>
  </si>
  <si>
    <t>67837800100800004906</t>
  </si>
  <si>
    <t>73554900100700001028</t>
  </si>
  <si>
    <t>67837800100800006854</t>
  </si>
  <si>
    <t>73554900100700001029</t>
  </si>
  <si>
    <t>01200314690800002340</t>
  </si>
  <si>
    <t>73554900100700001030</t>
  </si>
  <si>
    <t>01200615320800003672</t>
  </si>
  <si>
    <t>73554900100700001032</t>
  </si>
  <si>
    <t>01200615320800003576</t>
  </si>
  <si>
    <t>73554900100700001033</t>
  </si>
  <si>
    <t>67837800100800006853</t>
  </si>
  <si>
    <t>73554900100700001036</t>
  </si>
  <si>
    <t>01200615320800000063</t>
  </si>
  <si>
    <t>73554900100700001039</t>
  </si>
  <si>
    <t>01200314690800001842</t>
  </si>
  <si>
    <t>01200314690800001841</t>
  </si>
  <si>
    <t>73554900100700001047</t>
  </si>
  <si>
    <t>01200314690800000156</t>
  </si>
  <si>
    <t>01200314690800001347</t>
  </si>
  <si>
    <t>73554900100700001431</t>
  </si>
  <si>
    <t>01200615320800000402</t>
  </si>
  <si>
    <t>73554900100700001064</t>
  </si>
  <si>
    <t>67838200100800005770</t>
  </si>
  <si>
    <t>73554900100700001065</t>
  </si>
  <si>
    <t>67838200100800006201</t>
  </si>
  <si>
    <t>73554900100700001072</t>
  </si>
  <si>
    <t>67838200100800005480</t>
  </si>
  <si>
    <t>67838200100800005418</t>
  </si>
  <si>
    <t>67838200100800005680</t>
  </si>
  <si>
    <t>01200615320800002636</t>
  </si>
  <si>
    <t>67837800100800005566</t>
  </si>
  <si>
    <t>67838200100800004026</t>
  </si>
  <si>
    <t>67838200100800004025</t>
  </si>
  <si>
    <t>67838200100800005775</t>
  </si>
  <si>
    <t>67838200100800005774</t>
  </si>
  <si>
    <t>73554900100700001074</t>
  </si>
  <si>
    <t>67838200100800006217</t>
  </si>
  <si>
    <t>73554900100800000211</t>
  </si>
  <si>
    <t>01200314690800002528</t>
  </si>
  <si>
    <t>73554900100700001081</t>
  </si>
  <si>
    <t>01200615320800000655</t>
  </si>
  <si>
    <t>01200615320800001136</t>
  </si>
  <si>
    <t>01200314690800000148</t>
  </si>
  <si>
    <t>01200314690800001110</t>
  </si>
  <si>
    <t>01200314690800001899</t>
  </si>
  <si>
    <t>01200615320800003120</t>
  </si>
  <si>
    <t>01200615320800003798</t>
  </si>
  <si>
    <t>01200314690800000277</t>
  </si>
  <si>
    <t>01200615320800001126</t>
  </si>
  <si>
    <t>67837800100800007114</t>
  </si>
  <si>
    <t>67838200100800005816</t>
  </si>
  <si>
    <t>01200615320800003688</t>
  </si>
  <si>
    <t>67838200100800005827</t>
  </si>
  <si>
    <t>67837800100800006410</t>
  </si>
  <si>
    <t>67838200100800006231</t>
  </si>
  <si>
    <t>01200615320800003001</t>
  </si>
  <si>
    <t>01200615320800000665</t>
  </si>
  <si>
    <t>01200245450800000012</t>
  </si>
  <si>
    <t>01200615320800000698</t>
  </si>
  <si>
    <t>01200615320800000606</t>
  </si>
  <si>
    <t>01200615320800000697</t>
  </si>
  <si>
    <t>01200615320800000654</t>
  </si>
  <si>
    <t>67838200100800004189</t>
  </si>
  <si>
    <t>01200615320800000668</t>
  </si>
  <si>
    <t>01200615320800000412</t>
  </si>
  <si>
    <t>01200615320800002786</t>
  </si>
  <si>
    <t>01200615320800000482</t>
  </si>
  <si>
    <t>01200615320800003185</t>
  </si>
  <si>
    <t>67838200100800005714</t>
  </si>
  <si>
    <t>01200615320800000721</t>
  </si>
  <si>
    <t>01200314690800000134</t>
  </si>
  <si>
    <t>01200615320800002306</t>
  </si>
  <si>
    <t>01200615320800000352</t>
  </si>
  <si>
    <t>01200314690800000234</t>
  </si>
  <si>
    <t>67838200100800005207</t>
  </si>
  <si>
    <t>67837800100800007280</t>
  </si>
  <si>
    <t>01200314690800000236</t>
  </si>
  <si>
    <t>01200314690800000221</t>
  </si>
  <si>
    <t>01200314690800002059</t>
  </si>
  <si>
    <t>01200615320800000588</t>
  </si>
  <si>
    <t>01200615320800001806</t>
  </si>
  <si>
    <t>01200314690800000448</t>
  </si>
  <si>
    <t>01200615320800000716</t>
  </si>
  <si>
    <t>01200615320800001376</t>
  </si>
  <si>
    <t>01200615320800000916</t>
  </si>
  <si>
    <t>01200615320800000719</t>
  </si>
  <si>
    <t>67837800100800004898</t>
  </si>
  <si>
    <t>67838200100800006519</t>
  </si>
  <si>
    <t>67837800100800004900</t>
  </si>
  <si>
    <t>73555000100800000267</t>
  </si>
  <si>
    <t>01200615320800002951</t>
  </si>
  <si>
    <t>01200314690800003177</t>
  </si>
  <si>
    <t>73554900100800000227</t>
  </si>
  <si>
    <t>73554900100700001092</t>
  </si>
  <si>
    <t>67838200100800004736</t>
  </si>
  <si>
    <t>73554900100700001099</t>
  </si>
  <si>
    <t>67837800100800006750</t>
  </si>
  <si>
    <t>73554900100700001122</t>
  </si>
  <si>
    <t>01200615320800000729</t>
  </si>
  <si>
    <t>73554900100700001134</t>
  </si>
  <si>
    <t>67837800100800004435</t>
  </si>
  <si>
    <t>01200314690800000208</t>
  </si>
  <si>
    <t>01200314690800001436</t>
  </si>
  <si>
    <t>73554900100700001150</t>
  </si>
  <si>
    <t>67837800100800005217</t>
  </si>
  <si>
    <t>67838200100800006480</t>
  </si>
  <si>
    <t>73554900100700001172</t>
  </si>
  <si>
    <t>67838200100800005412</t>
  </si>
  <si>
    <t>73554900100700001174</t>
  </si>
  <si>
    <t>67838200100800006200</t>
  </si>
  <si>
    <t>73554900100700001177</t>
  </si>
  <si>
    <t>01200314690800002377</t>
  </si>
  <si>
    <t>73554900100700001178</t>
  </si>
  <si>
    <t>73555000100800000164</t>
  </si>
  <si>
    <t>73554900100800000171</t>
  </si>
  <si>
    <t>67838200100800006681</t>
  </si>
  <si>
    <t>67838200100800006352</t>
  </si>
  <si>
    <t>67837800100800007341</t>
  </si>
  <si>
    <t>67838200100800006350</t>
  </si>
  <si>
    <t>73554900100800000172</t>
  </si>
  <si>
    <t>67838200100800006840</t>
  </si>
  <si>
    <t>67838200100800006750</t>
  </si>
  <si>
    <t>67837800100800007343</t>
  </si>
  <si>
    <t>67838200100800006841</t>
  </si>
  <si>
    <t>67838200100800006359</t>
  </si>
  <si>
    <t>73554900100800000023</t>
  </si>
  <si>
    <t>67838200100800006354</t>
  </si>
  <si>
    <t>73555000100800000284</t>
  </si>
  <si>
    <t>73554900100800000074</t>
  </si>
  <si>
    <t>67837800100800007340</t>
  </si>
  <si>
    <t>67837800100800007304</t>
  </si>
  <si>
    <t>67838200100800006782</t>
  </si>
  <si>
    <t>67837800100800007324</t>
  </si>
  <si>
    <t>67838200100800006593</t>
  </si>
  <si>
    <t>67838200100800006351</t>
  </si>
  <si>
    <t>67838200100800006335</t>
  </si>
  <si>
    <t>67838200100800006776</t>
  </si>
  <si>
    <t>67838200100800006334</t>
  </si>
  <si>
    <t>73555000100800000293</t>
  </si>
  <si>
    <t>73555000100800000015</t>
  </si>
  <si>
    <t>73555000100800000294</t>
  </si>
  <si>
    <t>73555000100700000135</t>
  </si>
  <si>
    <t>67838200100800006549</t>
  </si>
  <si>
    <t>73554900100800000226</t>
  </si>
  <si>
    <t>73555000100800000230</t>
  </si>
  <si>
    <t>73554900100700001184</t>
  </si>
  <si>
    <t>01200314690800001673</t>
  </si>
  <si>
    <t>01200314690800001929</t>
  </si>
  <si>
    <t>01200615320800002777</t>
  </si>
  <si>
    <t>73554900100800000267</t>
  </si>
  <si>
    <t>01200314690800000235</t>
  </si>
  <si>
    <t>01200615320800000636</t>
  </si>
  <si>
    <t>01200314690800000232</t>
  </si>
  <si>
    <t>01200615320800000986</t>
  </si>
  <si>
    <t>67838200100800005771</t>
  </si>
  <si>
    <t>73554900100700001206</t>
  </si>
  <si>
    <t>67837800100800004598</t>
  </si>
  <si>
    <t>73554900100700001210</t>
  </si>
  <si>
    <t>01200314690800000231</t>
  </si>
  <si>
    <t>73554900100700001211</t>
  </si>
  <si>
    <t>01200314690800002997</t>
  </si>
  <si>
    <t>01200615320800000681</t>
  </si>
  <si>
    <t>01200615320800002711</t>
  </si>
  <si>
    <t>01200615320800001086</t>
  </si>
  <si>
    <t>01200615320800001128</t>
  </si>
  <si>
    <t>73554900100700001359</t>
  </si>
  <si>
    <t>73555000100800000086</t>
  </si>
  <si>
    <t>73554900100700001229</t>
  </si>
  <si>
    <t>01200615320800000957</t>
  </si>
  <si>
    <t>73554900100700001230</t>
  </si>
  <si>
    <t>67837800100800004894</t>
  </si>
  <si>
    <t>67837800100800004895</t>
  </si>
  <si>
    <t>73554900100700001234</t>
  </si>
  <si>
    <t>01200615320800002296</t>
  </si>
  <si>
    <t>73554900100700001238</t>
  </si>
  <si>
    <t>67838200100800006489</t>
  </si>
  <si>
    <t>73554900100700001351</t>
  </si>
  <si>
    <t>73555000100800000035</t>
  </si>
  <si>
    <t>73555000100800000016</t>
  </si>
  <si>
    <t>73554900100700001257</t>
  </si>
  <si>
    <t>01200615320800003076</t>
  </si>
  <si>
    <t>73554900100700001278</t>
  </si>
  <si>
    <t>67838200100800005195</t>
  </si>
  <si>
    <t>73554900100700001280</t>
  </si>
  <si>
    <t>01200615320800002827</t>
  </si>
  <si>
    <t>73554900100700001283</t>
  </si>
  <si>
    <t>67838200100800005386</t>
  </si>
  <si>
    <t>73554900100700001008</t>
  </si>
  <si>
    <t>73554900100800000081</t>
  </si>
  <si>
    <t>67838200100800005192</t>
  </si>
  <si>
    <t>397511424400755828374365287279243</t>
  </si>
  <si>
    <t>242586194391178517100436979900901</t>
  </si>
  <si>
    <t>761831932935929195409379977340781</t>
  </si>
  <si>
    <t>834511320631052684142696158061592</t>
  </si>
  <si>
    <t>144344546671011469492893748922901</t>
  </si>
  <si>
    <t>629415210715861850594980337814021</t>
  </si>
  <si>
    <t>251465054721004088619393026581734</t>
  </si>
  <si>
    <t>469331370967273140413032092457519</t>
  </si>
  <si>
    <t>369280904654660339247670897548678</t>
  </si>
  <si>
    <t>720735023700999283551380474299965</t>
  </si>
  <si>
    <t>835872679136515185293228681234825</t>
  </si>
  <si>
    <t>337684911283545157914465705009179</t>
  </si>
  <si>
    <t>362090813548382577915604715460332</t>
  </si>
  <si>
    <t>487591118709456302511762181002127</t>
  </si>
  <si>
    <t>250532329420517083811872973551597</t>
  </si>
  <si>
    <t>109727038885526549529502221547009</t>
  </si>
  <si>
    <t>608404864495262084156195580530714</t>
  </si>
  <si>
    <t>99095397478732333391038510015357</t>
  </si>
  <si>
    <t>7369775511208288220041649312782</t>
  </si>
  <si>
    <t>301473747573677570426448417661131</t>
  </si>
  <si>
    <t>490703784341742856261514359267853</t>
  </si>
  <si>
    <t>637115821191636376336141602158512</t>
  </si>
  <si>
    <t>336839465795980684603250734763165</t>
  </si>
  <si>
    <t>861825950249735278072624216785660</t>
  </si>
  <si>
    <t>351055727696907065417185253431672</t>
  </si>
  <si>
    <t>613314084077778299166571926615629</t>
  </si>
  <si>
    <t>648420875567243523242285841826221</t>
  </si>
  <si>
    <t>173284387196962001652277559265438</t>
  </si>
  <si>
    <t>253758978139952938680563247610563</t>
  </si>
  <si>
    <t>150829930751936077431054159687593</t>
  </si>
  <si>
    <t>165905235116577077914579113243106</t>
  </si>
  <si>
    <t>730675364711336502447029666317013</t>
  </si>
  <si>
    <t>141573396494884189617506284133567</t>
  </si>
  <si>
    <t>513348383112000324236933757996524</t>
  </si>
  <si>
    <t>772186030384324326762083474531412</t>
  </si>
  <si>
    <t>264894377039418246026069369078331</t>
  </si>
  <si>
    <t>337652377312707847655034343398545</t>
  </si>
  <si>
    <t>506578197626473234529624753618175</t>
  </si>
  <si>
    <t>26220882342286075781792349618930</t>
  </si>
  <si>
    <t>399814863717995876203615023559515</t>
  </si>
  <si>
    <t>876183488136006443277436937502869</t>
  </si>
  <si>
    <t>372556673030062693282256213775139</t>
  </si>
  <si>
    <t>102501935715401684842086921887896</t>
  </si>
  <si>
    <t>517106488272734260515465412269325</t>
  </si>
  <si>
    <t>704186949592532834965770097265030</t>
  </si>
  <si>
    <t>617290999224539572356275228649156</t>
  </si>
  <si>
    <t>586312128200821976331791678902156</t>
  </si>
  <si>
    <t>13692771816878062598881873742717</t>
  </si>
  <si>
    <t>8570744770985579072506591679151</t>
  </si>
  <si>
    <t>701376774172226400384906016482230</t>
  </si>
  <si>
    <t>306843521589030681976078829712463</t>
  </si>
  <si>
    <t>36122511856430366192811358022907</t>
  </si>
  <si>
    <t>462200480581075348782619056800112</t>
  </si>
  <si>
    <t>588135477147298705412447132711299</t>
  </si>
  <si>
    <t>32846413078963971419768224917137</t>
  </si>
  <si>
    <t>662139421784950376240888535396987</t>
  </si>
  <si>
    <t>666118459887932219928019980895838</t>
  </si>
  <si>
    <t>99344355152484767572493879299671</t>
  </si>
  <si>
    <t>264113000323749692806973999948926</t>
  </si>
  <si>
    <t>877902606110120463147070804386975</t>
  </si>
  <si>
    <t>477297786799213261950044802925335</t>
  </si>
  <si>
    <t>8983524005809327265425700971864</t>
  </si>
  <si>
    <t>133205901943786179366163043997549</t>
  </si>
  <si>
    <t>271076705480744283548543960420215</t>
  </si>
  <si>
    <t>181161894649260056016734803547327</t>
  </si>
  <si>
    <t>123483167038116851804073412823065</t>
  </si>
  <si>
    <t>334558737810127171897316045257708</t>
  </si>
  <si>
    <t>100394580653750417561290171292438</t>
  </si>
  <si>
    <t>804875659401345494901936324695447</t>
  </si>
  <si>
    <t>856729761471794137198600667374174</t>
  </si>
  <si>
    <t>634320453944459284192064408084566</t>
  </si>
  <si>
    <t>99891761267046184358097136821575</t>
  </si>
  <si>
    <t>350991270579841525753072979612318</t>
  </si>
  <si>
    <t>344886954246398291691406520294131</t>
  </si>
  <si>
    <t>466699512615561483430515645513975</t>
  </si>
  <si>
    <t>10027901995226543076552839495060</t>
  </si>
  <si>
    <t>564816056037766647630637313516056</t>
  </si>
  <si>
    <t>91696691472058933160233246880919</t>
  </si>
  <si>
    <t>779894725716749961564009526411777</t>
  </si>
  <si>
    <t>837756977247372160663651537216525</t>
  </si>
  <si>
    <t>615867488247412535563226490284405</t>
  </si>
  <si>
    <t>122426187509586697844204164173603</t>
  </si>
  <si>
    <t>678016524911947112536865263502299</t>
  </si>
  <si>
    <t>318021688820573698933533760680517</t>
  </si>
  <si>
    <t>430019464658497915145476514330950</t>
  </si>
  <si>
    <t>237172457501282589953116013994631</t>
  </si>
  <si>
    <t>653310048283475313268757797580946</t>
  </si>
  <si>
    <t>484135010855456218597016630642366</t>
  </si>
  <si>
    <t>411295671235448601330173655419575</t>
  </si>
  <si>
    <t>155774003369112358877318469428064</t>
  </si>
  <si>
    <t>3546244728292819686172406027636</t>
  </si>
  <si>
    <t>255510006547805686526190163520559</t>
  </si>
  <si>
    <t>439208526315459272242491809978043</t>
  </si>
  <si>
    <t>438981612276637878249247679806731</t>
  </si>
  <si>
    <t>629074762716334381746959911269220</t>
  </si>
  <si>
    <t>716391172020710511372986531530988</t>
  </si>
  <si>
    <t>865714079880431595389250801061591</t>
  </si>
  <si>
    <t>832822153792048392693274466845864</t>
  </si>
  <si>
    <t>224051326006494459385682004442285</t>
  </si>
  <si>
    <t>493706448058243238508632186627562</t>
  </si>
  <si>
    <t>908268185089197093202840551891078</t>
  </si>
  <si>
    <t>280909257853820289811451573728573</t>
  </si>
  <si>
    <t>907900296036854683333078008146613</t>
  </si>
  <si>
    <t>156567721394665798631771766547883</t>
  </si>
  <si>
    <t>831760483429480593235219581287320</t>
  </si>
  <si>
    <t>499575271792294262653374898930476</t>
  </si>
  <si>
    <t>535959991487463189008370055922387</t>
  </si>
  <si>
    <t>448792791032605470796248215208796</t>
  </si>
  <si>
    <t>724687614981015377354445964371065</t>
  </si>
  <si>
    <t>417887887363046726336759073839005</t>
  </si>
  <si>
    <t>209057551571413566377230676804921</t>
  </si>
  <si>
    <t>102045428488054002446664744695930</t>
  </si>
  <si>
    <t>167431589774684563301227734202839</t>
  </si>
  <si>
    <t>162418350100490782361144050849960</t>
  </si>
  <si>
    <t>644519086155833332903925375328638</t>
  </si>
  <si>
    <t>4636662169332533231618724791910</t>
  </si>
  <si>
    <t>681405860242501232266070960678260</t>
  </si>
  <si>
    <t>5486596094282663961850738084715</t>
  </si>
  <si>
    <t>250948378054223096392454848767354</t>
  </si>
  <si>
    <t>410250962940517507034023885688755</t>
  </si>
  <si>
    <t>182542228769759641292999239253882</t>
  </si>
  <si>
    <t>876619786935845126962162607976597</t>
  </si>
  <si>
    <t>773921536755532122004239005965168</t>
  </si>
  <si>
    <t>443595830163800786360189759964915</t>
  </si>
  <si>
    <t>212358834767912649313917434384826</t>
  </si>
  <si>
    <t>859834545111167391953063734572784</t>
  </si>
  <si>
    <t>188663251671469173336120566262897</t>
  </si>
  <si>
    <t>330578359126207838347821318366080</t>
  </si>
  <si>
    <t>79557766141769182999284286247506</t>
  </si>
  <si>
    <t>365168143769967368427513862901274</t>
  </si>
  <si>
    <t>345385326078662132058122667685214</t>
  </si>
  <si>
    <t>582573882271271216439685697820265</t>
  </si>
  <si>
    <t>514184132407067932511783863172239</t>
  </si>
  <si>
    <t>462330605920974660730944876913277</t>
  </si>
  <si>
    <t>885637886956690655481733629583275</t>
  </si>
  <si>
    <t>556322785902137845563033908644701</t>
  </si>
  <si>
    <t>124125469642888240532580689115094</t>
  </si>
  <si>
    <t>LOB_139</t>
  </si>
  <si>
    <t>LOB_202</t>
  </si>
  <si>
    <t>LOB_62</t>
  </si>
  <si>
    <t>LOB_206</t>
  </si>
  <si>
    <t>LOB_203</t>
  </si>
  <si>
    <t>LOB_161</t>
  </si>
  <si>
    <t>LOB_64</t>
  </si>
  <si>
    <t>LOB_68</t>
  </si>
  <si>
    <t>LOB_192</t>
  </si>
  <si>
    <t>LOB_204</t>
  </si>
  <si>
    <t>LOB_72</t>
  </si>
  <si>
    <t>LOB_76</t>
  </si>
  <si>
    <t>LOB_142</t>
  </si>
  <si>
    <t>LOB_92</t>
  </si>
  <si>
    <t>LOB_97</t>
  </si>
  <si>
    <t>LOB_205</t>
  </si>
  <si>
    <t>LOB_60</t>
  </si>
  <si>
    <t>LOB_89</t>
  </si>
  <si>
    <t>LOB_99</t>
  </si>
  <si>
    <t>LOB_56</t>
  </si>
  <si>
    <t>266264953119842772207986043063520</t>
  </si>
  <si>
    <t>833755570260738661924709785639136</t>
  </si>
  <si>
    <t>338571334339306322581424656448659</t>
  </si>
  <si>
    <t>808952988084195139233186926963168</t>
  </si>
  <si>
    <t>139269250608756787992873</t>
  </si>
  <si>
    <t>883667418347594793837320401036748</t>
  </si>
  <si>
    <t>794576508343477425113395039661827</t>
  </si>
  <si>
    <t>724690177700823984208969627109459</t>
  </si>
  <si>
    <t>431932400353955532628433796433200</t>
  </si>
  <si>
    <t>780172888804125374694637781149659</t>
  </si>
  <si>
    <t>50690423538184863854226961842055</t>
  </si>
  <si>
    <t>575447301734600234999981846422750</t>
  </si>
  <si>
    <t>617904475839583685536714765406723</t>
  </si>
  <si>
    <t>680828266263384213323560113427399</t>
  </si>
  <si>
    <t>104367144430565227162334366685847</t>
  </si>
  <si>
    <t>539667611584404255845040674498708</t>
  </si>
  <si>
    <t>524159657438163396673465039981190</t>
  </si>
  <si>
    <t>103751587389184923742461</t>
  </si>
  <si>
    <t>615693459582413452469752593601406</t>
  </si>
  <si>
    <t>506421944534752500398156104608974</t>
  </si>
  <si>
    <t>246015353107843540080736084568477</t>
  </si>
  <si>
    <t>723714486627645412834578565527550</t>
  </si>
  <si>
    <t>551580658536717501828021060147962</t>
  </si>
  <si>
    <t>111078473504236017141185029856415</t>
  </si>
  <si>
    <t>865254337794871183385756863647856</t>
  </si>
  <si>
    <t>49511061904067247446167091106425</t>
  </si>
  <si>
    <t>2521823005136277121291</t>
  </si>
  <si>
    <t>344331658552599549231300137890756</t>
  </si>
  <si>
    <t>122888716930844301706258287775555</t>
  </si>
  <si>
    <t>140502597117949649788634441139048</t>
  </si>
  <si>
    <t>676305042803066886656318788802663</t>
  </si>
  <si>
    <t>500983881501772639608291559920477</t>
  </si>
  <si>
    <t>378427990965467211484671270864901</t>
  </si>
  <si>
    <t>486157991894093153608181816584982</t>
  </si>
  <si>
    <t>279429873667587277925521334820770</t>
  </si>
  <si>
    <t>And Associated "Tag Pages"</t>
  </si>
  <si>
    <t>Displayed but not selectable</t>
  </si>
  <si>
    <t>SAP Access Control for SAP S/4HANA</t>
  </si>
  <si>
    <t>SAP assurance and compliance software for SAP S/4HANA</t>
  </si>
  <si>
    <t>SAP BusinessObjects Cloud agent</t>
  </si>
  <si>
    <t>Crystal Reports Developer Advantage N-tier</t>
  </si>
  <si>
    <t>Crystal Reports N-tier</t>
  </si>
  <si>
    <t>Crystal Reports Visual Advantage N-tier</t>
  </si>
  <si>
    <t>Crystal Reports, professional edition N-tier</t>
  </si>
  <si>
    <t>Crystal Reports Server N-tier</t>
  </si>
  <si>
    <t>SAP Global Trade Services, identity-based preference processing</t>
  </si>
  <si>
    <t>SAP Process Control for SAP S/4HANA</t>
  </si>
  <si>
    <t>SAP Risk Management for SAP S/4HANA</t>
  </si>
  <si>
    <t>SAP Document Center for Android</t>
  </si>
  <si>
    <t>SAP Document Center for iOS</t>
  </si>
  <si>
    <t>SAP Document Center, cloud edition</t>
  </si>
  <si>
    <t>SAP Document Center, desktop edition</t>
  </si>
  <si>
    <t>SAP Localization Hub</t>
  </si>
  <si>
    <t>SAP Localization Hub, learning report service</t>
  </si>
  <si>
    <t>SAP Hybris Commerce, utilities accelerator</t>
  </si>
  <si>
    <t>SAP Real-Time Situational Awareness</t>
  </si>
  <si>
    <t>SAP Trade Management</t>
  </si>
  <si>
    <t>SAP Enterprise Digital Rights Management by NextLabs</t>
  </si>
  <si>
    <t>SAP ERP, add-on for Austrian cash register management</t>
  </si>
  <si>
    <t>SAP ERP, add-on for mobile integration</t>
  </si>
  <si>
    <t>SAP ERP, option for e-document processing</t>
  </si>
  <si>
    <t>SAP Upstream Field Activity Management by OIS</t>
  </si>
  <si>
    <t>SAP RealSpend mobile app</t>
  </si>
  <si>
    <t>SAP Tax Intelligence and Management by All Tax, ICMS/IPI module</t>
  </si>
  <si>
    <t>SAP Tax Intelligence and Management by All Tax, PIS/COFINS module</t>
  </si>
  <si>
    <t>SAP SuccessFactors Performance &amp; Goals</t>
  </si>
  <si>
    <t>SAP SuccessFactors Succession &amp; Development</t>
  </si>
  <si>
    <t>SAP Engineering Control Center for team data management integration</t>
  </si>
  <si>
    <t>SAP Engineering Control Center interface to PTC Windchill by .riess</t>
  </si>
  <si>
    <t>SAP Meat Management by msg</t>
  </si>
  <si>
    <t>SAP Portfolio and Project Management for SAP S/4HANA</t>
  </si>
  <si>
    <t>SAP Supplier Relationship Management, add-on for procurement planning</t>
  </si>
  <si>
    <t>SAP Upstream Operations Management operational analysis</t>
  </si>
  <si>
    <t>SAP Demand Signal Management, add-on for marketing analytics</t>
  </si>
  <si>
    <t>SAP Forecasting and Replenishment for Retail, add-on for fresh products</t>
  </si>
  <si>
    <t>field masking</t>
  </si>
  <si>
    <t>field masking for SAP GUI</t>
  </si>
  <si>
    <t>field masking for Web Dynpro for ABAP</t>
  </si>
  <si>
    <t>SAP Fiori apps for SAP ERP</t>
  </si>
  <si>
    <t>SAP Fiori for SAP Commercial Project Management for SAP S/4HANA</t>
  </si>
  <si>
    <t>SAP Fiori for SAP Portfolio and Project Management for SAP S/4HANA</t>
  </si>
  <si>
    <t>SAP Fiori for SAP Process Control</t>
  </si>
  <si>
    <t>SAP Fiori for SAP Risk Management</t>
  </si>
  <si>
    <t>SAP HANA Cloud Platform, mobile service for development and operations, Agentry component</t>
  </si>
  <si>
    <t>Focused Run for SAP Solution Manager</t>
  </si>
  <si>
    <t>SAP Solution Manager adapter for SAP Quality Center by HPE</t>
  </si>
  <si>
    <t>SAP User Experience Management by Knoa, cloud edition</t>
  </si>
  <si>
    <t>SAP Web IDE, personal edition</t>
  </si>
  <si>
    <t>73554900100800000773</t>
  </si>
  <si>
    <t>73555000100800000449</t>
  </si>
  <si>
    <t>73554900100800000562</t>
  </si>
  <si>
    <t>73554900100800000768</t>
  </si>
  <si>
    <t>73555000100800000635</t>
  </si>
  <si>
    <t>73555000100800000636</t>
  </si>
  <si>
    <t>73555000100800000434</t>
  </si>
  <si>
    <t>73555000100800000433</t>
  </si>
  <si>
    <t>73555000100800000435</t>
  </si>
  <si>
    <t>73555000100700000282</t>
  </si>
  <si>
    <t>73555000100800000292</t>
  </si>
  <si>
    <t>73554900100800000796</t>
  </si>
  <si>
    <t>73554900100700001146</t>
  </si>
  <si>
    <t>73554900100800000034</t>
  </si>
  <si>
    <t>73555000100700000272</t>
  </si>
  <si>
    <t>73555000100800000448</t>
  </si>
  <si>
    <t>73554900100700001624</t>
  </si>
  <si>
    <t>73554900100800000684</t>
  </si>
  <si>
    <t>73554900100800000797</t>
  </si>
  <si>
    <t>73554900100800000781</t>
  </si>
  <si>
    <t>73555000100700000291</t>
  </si>
  <si>
    <t>73554900100800000707</t>
  </si>
  <si>
    <t>73554900100700001682</t>
  </si>
  <si>
    <t>73554900100800000275</t>
  </si>
  <si>
    <t>73554900100800000334</t>
  </si>
  <si>
    <t>73555000100700000333</t>
  </si>
  <si>
    <t>73555000100800000774</t>
  </si>
  <si>
    <t>73555000100700000341</t>
  </si>
  <si>
    <t>73555000100800000776</t>
  </si>
  <si>
    <t>73554900100700001289</t>
  </si>
  <si>
    <t>73555000100800000632</t>
  </si>
  <si>
    <t>73555000100800000721</t>
  </si>
  <si>
    <t>73554900100700001741</t>
  </si>
  <si>
    <t>73554900100800000073</t>
  </si>
  <si>
    <t>73555000100800000245</t>
  </si>
  <si>
    <t>73555000100800000443</t>
  </si>
  <si>
    <t>73554900100800000404</t>
  </si>
  <si>
    <t>73554900100800000724</t>
  </si>
  <si>
    <t>73554900100700001753</t>
  </si>
  <si>
    <t>73555000100800000631</t>
  </si>
  <si>
    <t>73555000100800000400</t>
  </si>
  <si>
    <t>73554900100800000545</t>
  </si>
  <si>
    <t>73555000100800000229</t>
  </si>
  <si>
    <t>73555000100800000372</t>
  </si>
  <si>
    <t>73554900100800000613</t>
  </si>
  <si>
    <t>73555000100800000425</t>
  </si>
  <si>
    <t>73555000100800000445</t>
  </si>
  <si>
    <t>73555000100800000451</t>
  </si>
  <si>
    <t>73554900100800000373</t>
  </si>
  <si>
    <t>73555000100800000446</t>
  </si>
  <si>
    <t>C4C Analytics</t>
  </si>
  <si>
    <t>511689111249479074500962158147418</t>
  </si>
  <si>
    <t>C4C Cloud for Sales</t>
  </si>
  <si>
    <t>825493229490678079515430289276035</t>
  </si>
  <si>
    <t>C4C Cloud for Service</t>
  </si>
  <si>
    <t>569449780209093647095570245113309</t>
  </si>
  <si>
    <t>C4C Extensibility</t>
  </si>
  <si>
    <t>522899869556788325823974243317861</t>
  </si>
  <si>
    <t>FIN Cash Management</t>
  </si>
  <si>
    <t>165620436719020770281003919169463</t>
  </si>
  <si>
    <t>Goods and Services Tax (GST India)</t>
  </si>
  <si>
    <t>294927749087693590293059784607365</t>
  </si>
  <si>
    <t>PORTAL Universal Worklist (UWL)</t>
  </si>
  <si>
    <t>408295384591352287492729514540543</t>
  </si>
  <si>
    <t>SAP Business Process Management</t>
  </si>
  <si>
    <t>SAP Business Rules Management</t>
  </si>
  <si>
    <t>SAP Business Workflow</t>
  </si>
  <si>
    <t>SAP BusinessObjects - Authentication</t>
  </si>
  <si>
    <t>SAP BusinessObjects - Core Platform and Performance</t>
  </si>
  <si>
    <t>SAP BusinessObjects - Desktop Intelligence (DeskI)</t>
  </si>
  <si>
    <t>94939998652682598544491292380812</t>
  </si>
  <si>
    <t>SAP BusinessObjects - Knowledge Accelerator</t>
  </si>
  <si>
    <t>SAP BusinessObjects - Legacy</t>
  </si>
  <si>
    <t>SAP BusinessObjects - OLAP</t>
  </si>
  <si>
    <t>SAP BusinessObjects - Platform Administration</t>
  </si>
  <si>
    <t>SAP BusinessObjects - Platform Infrastructure</t>
  </si>
  <si>
    <t>SAP BusinessObjects - Semantic Layer</t>
  </si>
  <si>
    <t>SAP BusinessObjects - Web Intelligence (WebI)</t>
  </si>
  <si>
    <t>212269919429502086862800135639950</t>
  </si>
  <si>
    <t>192798129450263425409096799593312</t>
  </si>
  <si>
    <t>674879738150278190016884561790060</t>
  </si>
  <si>
    <t>866234868597946653151414257432264</t>
  </si>
  <si>
    <t>828895203045710275663878834115743</t>
  </si>
  <si>
    <t>428351855965480178787051895911518</t>
  </si>
  <si>
    <t>382876162660666448662353059935346</t>
  </si>
  <si>
    <t>71377809964503371362256198716194</t>
  </si>
  <si>
    <t>SAP Java Connector (Jco)</t>
  </si>
  <si>
    <t>SAP S/4HANA migration cockpit</t>
  </si>
  <si>
    <t>791935194581077217831679640306539</t>
  </si>
  <si>
    <t>SAP S/4HANA migration object modeler</t>
  </si>
  <si>
    <t>92122447935836147354931218505817</t>
  </si>
  <si>
    <t>SCM APO Masterdata (MD)</t>
  </si>
  <si>
    <t>768232806925055964411164028422584</t>
  </si>
  <si>
    <t>SCM APO Production Planning and Detailed Scheduling (PP/DS)</t>
  </si>
  <si>
    <t>SOLMAN Business Process Operations</t>
  </si>
  <si>
    <t>99724818299614502762190973596969</t>
  </si>
  <si>
    <t>SOLMAN Change Control Management</t>
  </si>
  <si>
    <t>SOLMAN Data Volume Management</t>
  </si>
  <si>
    <t>416658401661843526040169665289086</t>
  </si>
  <si>
    <t>SOLMAN Project Management</t>
  </si>
  <si>
    <t>SOLMAN SAP Engagement and Service Delivery</t>
  </si>
  <si>
    <t>SOLMAN Setup/Configuration/LMDB</t>
  </si>
  <si>
    <t>SOLMAN Solution Documentation</t>
  </si>
  <si>
    <t>SOLMAN System Monitoring</t>
  </si>
  <si>
    <t>SOLMAN Test Suite</t>
  </si>
  <si>
    <t>132949817163443344955330185779754</t>
  </si>
  <si>
    <t>UI SAP Business Client (NWBC)</t>
  </si>
  <si>
    <t>Certification</t>
  </si>
  <si>
    <t>222877341567121072788807155782117</t>
  </si>
  <si>
    <t>Corporate Social Responsibility</t>
  </si>
  <si>
    <t>611794787045402236540598973198809</t>
  </si>
  <si>
    <t>Digital Transformation</t>
  </si>
  <si>
    <t>875447220514120987869051937802978</t>
  </si>
  <si>
    <t>Globalization</t>
  </si>
  <si>
    <t>12354885792866344278414618762644</t>
  </si>
  <si>
    <t>Research and Development</t>
  </si>
  <si>
    <t>708931460062032886984100414137377</t>
  </si>
  <si>
    <t>SAPUI5</t>
  </si>
  <si>
    <t>Tag Class</t>
  </si>
  <si>
    <t>Tag Name</t>
  </si>
  <si>
    <t>Support Services</t>
  </si>
  <si>
    <t>https://www.sap.com/community/tag.html?id=564272146051092002342823452713708</t>
  </si>
  <si>
    <t>564272146051092002342823452713708</t>
  </si>
  <si>
    <t>CRM Business Partner</t>
  </si>
  <si>
    <t>HCM Benefits</t>
  </si>
  <si>
    <t>HCM Compensation Management</t>
  </si>
  <si>
    <t>HCM Fund/Position Management</t>
  </si>
  <si>
    <t>HCM International Payroll</t>
  </si>
  <si>
    <t>HCM Organizational Management</t>
  </si>
  <si>
    <t>HCM Payroll Argentina</t>
  </si>
  <si>
    <t>HCM Payroll Australia</t>
  </si>
  <si>
    <t>HCM Payroll Belgium</t>
  </si>
  <si>
    <t>HCM Payroll Bulgaria</t>
  </si>
  <si>
    <t>HCM Payroll Chile</t>
  </si>
  <si>
    <t>HCM Payroll China</t>
  </si>
  <si>
    <t>HCM Payroll Colombia</t>
  </si>
  <si>
    <t>HCM Payroll Croatia</t>
  </si>
  <si>
    <t>HCM Payroll Czech Republic</t>
  </si>
  <si>
    <t>HCM Payroll Egypt</t>
  </si>
  <si>
    <t>HCM Payroll Finland</t>
  </si>
  <si>
    <t>HCM Payroll for Non-Profit Organisations</t>
  </si>
  <si>
    <t>HCM Payroll France</t>
  </si>
  <si>
    <t>HCM Payroll Hong Kong</t>
  </si>
  <si>
    <t>HCM Payroll Hungary</t>
  </si>
  <si>
    <t>HCM Payroll Indonesia</t>
  </si>
  <si>
    <t>HCM Payroll Ireland</t>
  </si>
  <si>
    <t>HCM Payroll Japan</t>
  </si>
  <si>
    <t>HCM Payroll Kazakhstan</t>
  </si>
  <si>
    <t>HCM Payroll Kingdom of Saudi Arabia</t>
  </si>
  <si>
    <t>HCM Payroll Kuwait</t>
  </si>
  <si>
    <t>HCM Payroll Malaysia</t>
  </si>
  <si>
    <t>HCM Payroll Netherlands</t>
  </si>
  <si>
    <t>HCM Payroll New Zealand</t>
  </si>
  <si>
    <t>HCM Payroll Norway</t>
  </si>
  <si>
    <t>HCM Payroll Oman</t>
  </si>
  <si>
    <t>HCM Payroll Philippines</t>
  </si>
  <si>
    <t>HCM Payroll Poland</t>
  </si>
  <si>
    <t>HCM Payroll Qatar</t>
  </si>
  <si>
    <t>HCM Payroll Romania</t>
  </si>
  <si>
    <t>HCM Payroll Russian Federation</t>
  </si>
  <si>
    <t>HCM Payroll Singapore</t>
  </si>
  <si>
    <t>HCM Payroll Slovakia</t>
  </si>
  <si>
    <t>HCM Payroll South Africa</t>
  </si>
  <si>
    <t>HCM Payroll South Korea</t>
  </si>
  <si>
    <t>HCM Payroll Sweden</t>
  </si>
  <si>
    <t>HCM Payroll Taiwan</t>
  </si>
  <si>
    <t>HCM Payroll Thailand</t>
  </si>
  <si>
    <t>HCM Payroll Ukraine</t>
  </si>
  <si>
    <t>HCM Payroll United Arab Emirates</t>
  </si>
  <si>
    <t>HCM Payroll United Kingdom</t>
  </si>
  <si>
    <t>HCM Payroll Venezuela</t>
  </si>
  <si>
    <t>HCM Pension Funds</t>
  </si>
  <si>
    <t>HCM Personnel Cost Planning</t>
  </si>
  <si>
    <t>HCM Processes and Forms</t>
  </si>
  <si>
    <t>HCM Travel Management</t>
  </si>
  <si>
    <t>MAN Batch Management</t>
  </si>
  <si>
    <t>MAN Material Requirements Planning</t>
  </si>
  <si>
    <t>MAN Process Industries</t>
  </si>
  <si>
    <t>PLM Logistics Data Management</t>
  </si>
  <si>
    <t>SAP ASE - BW Enablement</t>
  </si>
  <si>
    <t>SAP ASE - HADR Enablement</t>
  </si>
  <si>
    <t>SAP BusinessObjects - Semantic Layer - SDK</t>
  </si>
  <si>
    <t>SAP BusinessObjects - Web Intelligence - SDK</t>
  </si>
  <si>
    <t>SAP BusinessObjects – BI Platform - SDK</t>
  </si>
  <si>
    <t>SAP Crystal Reports - SDK</t>
  </si>
  <si>
    <t>SAP Fiori launchpad</t>
  </si>
  <si>
    <t>SAP Grants Management</t>
  </si>
  <si>
    <t>Software Logistics - Change Control and Transport</t>
  </si>
  <si>
    <t>Software Logistics - Front-End Installation</t>
  </si>
  <si>
    <t>Software Logistics - Lifecycle Management Automation</t>
  </si>
  <si>
    <t>Software Logistics - System Maintenance</t>
  </si>
  <si>
    <t>Software Logistics - System Provisioning</t>
  </si>
  <si>
    <t>145353862535740106451280793591913</t>
  </si>
  <si>
    <t>700685152738704726092051961608528</t>
  </si>
  <si>
    <t>636377940841841425690494456872529</t>
  </si>
  <si>
    <t>535663533964605882271989459345812</t>
  </si>
  <si>
    <t>92358120129279796618053964031563</t>
  </si>
  <si>
    <t>483388333794471659071038152261590</t>
  </si>
  <si>
    <t>888956899957636689734059424066885</t>
  </si>
  <si>
    <t>163602564341548008822232156328575</t>
  </si>
  <si>
    <t>16576094944873539372672186327710</t>
  </si>
  <si>
    <t>815038855683522821878983577528598</t>
  </si>
  <si>
    <t>386464755075417684567979074785183</t>
  </si>
  <si>
    <t>386464755075217683571520356556041</t>
  </si>
  <si>
    <t>212057415524185211979102894828407</t>
  </si>
  <si>
    <t>872153825432002004390804649844638</t>
  </si>
  <si>
    <t>667716950906909713244582033478680</t>
  </si>
  <si>
    <t>269634778680506593702484329723834</t>
  </si>
  <si>
    <t>789058885464718152426819920246720</t>
  </si>
  <si>
    <t>641827952505559334722160834894168</t>
  </si>
  <si>
    <t>708787881494982143400246730440811</t>
  </si>
  <si>
    <t>321050934514090694594936030878754</t>
  </si>
  <si>
    <t>57219180344453673845943034116249</t>
  </si>
  <si>
    <t>897347560330509080893758274485651</t>
  </si>
  <si>
    <t>704762863645305077146498382648152</t>
  </si>
  <si>
    <t>201451141027681856608723848278324</t>
  </si>
  <si>
    <t>559944516534530209961979440903220</t>
  </si>
  <si>
    <t>124864475430875878465028664048618</t>
  </si>
  <si>
    <t>686052837703981712445613713539749</t>
  </si>
  <si>
    <t>276493187832955066050040590587261</t>
  </si>
  <si>
    <t>175247969925744996460139905024625</t>
  </si>
  <si>
    <t>475000085535321794116134218002992</t>
  </si>
  <si>
    <t>499056279388314818572691985578713</t>
  </si>
  <si>
    <t>107687942205109474097131660102749</t>
  </si>
  <si>
    <t>801024989010894599319457061864687</t>
  </si>
  <si>
    <t>328655948763077519349257970687892</t>
  </si>
  <si>
    <t>850775487989306647908923939017106</t>
  </si>
  <si>
    <t>804226789195014544571070784558574</t>
  </si>
  <si>
    <t>363855106802263289305390498387310</t>
  </si>
  <si>
    <t>105890232764968712401665706742235</t>
  </si>
  <si>
    <t>665504863672755449986539436156425</t>
  </si>
  <si>
    <t>440723412253552392624418251609001</t>
  </si>
  <si>
    <t>270172535358358815368298867576662</t>
  </si>
  <si>
    <t>544296972670660211790085940979238</t>
  </si>
  <si>
    <t>632554073113378399583210893173126</t>
  </si>
  <si>
    <t>124256922381991020073283244128044</t>
  </si>
  <si>
    <t>574727346949550392391865212638635</t>
  </si>
  <si>
    <t>579322957794276343617459390701760</t>
  </si>
  <si>
    <t>886890368414731053738773029159594</t>
  </si>
  <si>
    <t>573112738473058776792692960390452</t>
  </si>
  <si>
    <t>475374749610863398316836929975596</t>
  </si>
  <si>
    <t>238369242975130580304110976039261</t>
  </si>
  <si>
    <t>728841321694667382679749409993833</t>
  </si>
  <si>
    <t>604464681788652896416606207984129</t>
  </si>
  <si>
    <t>315272376410572843983997268416243</t>
  </si>
  <si>
    <t>320517996275254407406398077757010</t>
  </si>
  <si>
    <t>698718789886907700120015945091688</t>
  </si>
  <si>
    <t>293088538999548889689740008653644</t>
  </si>
  <si>
    <t>758617099728293421716080695502398</t>
  </si>
  <si>
    <t>223412072590469366196755173464619</t>
  </si>
  <si>
    <t>724814917412511087954547042734363</t>
  </si>
  <si>
    <t>847107215845311731556717028018005</t>
  </si>
  <si>
    <t>71815681818199381775049077522661</t>
  </si>
  <si>
    <t>538710751289542466232554247536294</t>
  </si>
  <si>
    <t>401187636412640296797408650913609</t>
  </si>
  <si>
    <t>73554900100700001791</t>
  </si>
  <si>
    <t>73554900100800000784</t>
  </si>
  <si>
    <t>73554900100800000779</t>
  </si>
  <si>
    <t>73555000100800000686</t>
  </si>
  <si>
    <t>73554900100800000841</t>
  </si>
  <si>
    <t>73554900100700001802</t>
  </si>
  <si>
    <t>73554900100800000691</t>
  </si>
  <si>
    <t>73554900100700001781</t>
  </si>
  <si>
    <t>73554900100800000561</t>
  </si>
  <si>
    <t>73555000100700000331</t>
  </si>
  <si>
    <t>73555000100800000771</t>
  </si>
  <si>
    <t>73555000100800000773</t>
  </si>
  <si>
    <t>73555000100700000351</t>
  </si>
  <si>
    <t>73555000100800000775</t>
  </si>
  <si>
    <t>73554900100800000823</t>
  </si>
  <si>
    <t>73554900100700001622</t>
  </si>
  <si>
    <t>73555000100800000318</t>
  </si>
  <si>
    <t>73554900100700001818</t>
  </si>
  <si>
    <t>73554900100800001032</t>
  </si>
  <si>
    <t>73554900100700001813</t>
  </si>
  <si>
    <t>73554900100800000713</t>
  </si>
  <si>
    <t>73554900100800000883</t>
  </si>
  <si>
    <t>73554900100800000923</t>
  </si>
  <si>
    <t>73554900100800000799</t>
  </si>
  <si>
    <t>73554900100800000794</t>
  </si>
  <si>
    <t>73555000100800000334</t>
  </si>
  <si>
    <t>73555000100800000130</t>
  </si>
  <si>
    <t>73554900100800000743</t>
  </si>
  <si>
    <t>73554900100700001782</t>
  </si>
  <si>
    <t>73555000100800000683</t>
  </si>
  <si>
    <t>73555000100800000651</t>
  </si>
  <si>
    <t>73555000100800000331</t>
  </si>
  <si>
    <t>73554900100800000376</t>
  </si>
  <si>
    <t>73555000100800000784</t>
  </si>
  <si>
    <t>SAP BusinessObjects Analysis for Microsoft Office</t>
  </si>
  <si>
    <t>SAP Content to Go</t>
  </si>
  <si>
    <t>SAP Content to Go for iOS</t>
  </si>
  <si>
    <t>SAP Extended Enterprise Content Management for government by OpenText</t>
  </si>
  <si>
    <t>SAP Hybris Commerce, public sector accelerator</t>
  </si>
  <si>
    <t>SAP Adaptive Server Enterprise SDK</t>
  </si>
  <si>
    <t>SAP S/4HANA integration with Concur solutions</t>
  </si>
  <si>
    <t>real estate development lifecycle management</t>
  </si>
  <si>
    <t>SAP Hybris Billing</t>
  </si>
  <si>
    <t>SAP Hybris Billing integration with SAP Hybris Commerce</t>
  </si>
  <si>
    <t>SAP Hybris Billing, charging</t>
  </si>
  <si>
    <t>SAP SuccessFactors Compensation</t>
  </si>
  <si>
    <t>SAP SuccessFactors platform</t>
  </si>
  <si>
    <t>SAP SuccessFactors Learning Marketplace</t>
  </si>
  <si>
    <t>SAP SuccessFactors Recruiting Posting</t>
  </si>
  <si>
    <t>SAP SuccessFactors Recruiting Posting (Multiposting)</t>
  </si>
  <si>
    <t>Workconnect by SAP</t>
  </si>
  <si>
    <t>SAP Connected Parking</t>
  </si>
  <si>
    <t>SAP Transportation Management, order to cash for container shipping liners</t>
  </si>
  <si>
    <t>field masking for SAPUI5 and SAP Fiori</t>
  </si>
  <si>
    <t>SAP Cloud Identity Access Governance</t>
  </si>
  <si>
    <t>SAP Cloud Platform</t>
  </si>
  <si>
    <t>SAP Cloud Platform Connectivity</t>
  </si>
  <si>
    <t>SAP Cloud Platform Identity Authentication</t>
  </si>
  <si>
    <t>SAP Cloud Platform Identity Provisioning</t>
  </si>
  <si>
    <t>SAP Cloud Platform Integration for data services</t>
  </si>
  <si>
    <t>SAP Cloud Platform Integration for process services</t>
  </si>
  <si>
    <t>SAP Cloud Platform SDK for iOS</t>
  </si>
  <si>
    <t>SAP Cloud Platform Streaming Analytics</t>
  </si>
  <si>
    <t>SAP Cloud Platform Web IDE</t>
  </si>
  <si>
    <t>logging of SAP Gateway</t>
  </si>
  <si>
    <t>development tools for SAP Cloud Platform</t>
  </si>
  <si>
    <t>SAP HANA geospatial content</t>
  </si>
  <si>
    <t>SAP HANA, express edition</t>
  </si>
  <si>
    <t>SAP Hybris as a Service on SAP Cloud Platform</t>
  </si>
  <si>
    <t>SAP NetWeaver Application Server for ABAP innovation package</t>
  </si>
  <si>
    <t>SAP NetWeaver for SAP S/4HANA</t>
  </si>
  <si>
    <t>SAP Quality Center by HPE, service test module</t>
  </si>
  <si>
    <t>Focused Build and Focused Insights for SAP Solution Manager</t>
  </si>
  <si>
    <t>73555000100800000382</t>
  </si>
  <si>
    <t>SAP Access Violation Management by Greenlight, risk assessment edition</t>
  </si>
  <si>
    <t>73555000100800000381</t>
  </si>
  <si>
    <t>SAP Access Violation Management by Greenlight, system integration edition</t>
  </si>
  <si>
    <t>73555000100700000171</t>
  </si>
  <si>
    <t>SAP Vehicle Insights</t>
  </si>
  <si>
    <t>73555000100800000030</t>
  </si>
  <si>
    <t>SAP Anywhere Show and Sell for iPad</t>
  </si>
  <si>
    <t>73554900100700001814</t>
  </si>
  <si>
    <t>market process management for utilities</t>
  </si>
  <si>
    <t>73554900100800000998</t>
  </si>
  <si>
    <t>73554900100800000922</t>
  </si>
  <si>
    <t>SAP ERP, add-on for Indian tax reform</t>
  </si>
  <si>
    <t>73554900100700001683</t>
  </si>
  <si>
    <t>SAP Cloud for Real Estate</t>
  </si>
  <si>
    <t>73554900100800000544</t>
  </si>
  <si>
    <t>SAP Enable Now</t>
  </si>
  <si>
    <t>SAP Enable Now, author option</t>
  </si>
  <si>
    <t>SAP Enable Now, cloud edition</t>
  </si>
  <si>
    <t>SAP Enable Now, consumption option</t>
  </si>
  <si>
    <t>73555000100700000019</t>
  </si>
  <si>
    <t>SAP Sports One</t>
  </si>
  <si>
    <t>73554900100800000243</t>
  </si>
  <si>
    <t>SAP Sports One, cloud edition</t>
  </si>
  <si>
    <t>73554900100700001271</t>
  </si>
  <si>
    <t>73555000100700000241</t>
  </si>
  <si>
    <t>SAP Distributed Manufacturing</t>
  </si>
  <si>
    <t>73554900100800000761</t>
  </si>
  <si>
    <t>73555000100700000271</t>
  </si>
  <si>
    <t>SAP Connected Goods</t>
  </si>
  <si>
    <t>73554900100800000653</t>
  </si>
  <si>
    <t>73554900100700001821</t>
  </si>
  <si>
    <t>SAP S/4HANA Supply Chain</t>
  </si>
  <si>
    <t>73555000100800000464</t>
  </si>
  <si>
    <t>SAP S/4HANA Supply Chain for secondary distribution</t>
  </si>
  <si>
    <t>73554900100700001701</t>
  </si>
  <si>
    <t>SAP Clea</t>
  </si>
  <si>
    <t>73555000100800000556</t>
  </si>
  <si>
    <t>SAP Clea for Customer Retention Insights</t>
  </si>
  <si>
    <t>73554900100700000844</t>
  </si>
  <si>
    <t>73555000100800000691</t>
  </si>
  <si>
    <t>SAP Cloud Platform Big Data Services</t>
  </si>
  <si>
    <t>SAP Cloud Platform Internet of Things</t>
  </si>
  <si>
    <t>SAP Cloud Platform Portal</t>
  </si>
  <si>
    <t>SAP Cloud Platform Predictive service</t>
  </si>
  <si>
    <t>73554900100700000938</t>
  </si>
  <si>
    <t>SAP Fiori Cloud</t>
  </si>
  <si>
    <t>SAP Fiori Cloud demo</t>
  </si>
  <si>
    <t>SAP HANA IoT Integrator by OSIsoft</t>
  </si>
  <si>
    <t>73554900100700001731</t>
  </si>
  <si>
    <t>SAP IoT Application Enablement</t>
  </si>
  <si>
    <t>73555000100800000136</t>
  </si>
  <si>
    <t>EWM - Basic Functions</t>
  </si>
  <si>
    <t>EWM - Basis</t>
  </si>
  <si>
    <t>EWM - Delivery Processing</t>
  </si>
  <si>
    <t>EWM - Goods Movement</t>
  </si>
  <si>
    <t>EWM - Interfaces</t>
  </si>
  <si>
    <t>EWM - Master Data</t>
  </si>
  <si>
    <t>EWM - Radio Frequency</t>
  </si>
  <si>
    <t>551700313515132864819929295213440</t>
  </si>
  <si>
    <t>EWM - Shipping &amp; Receiving</t>
  </si>
  <si>
    <t>EWM - Work Order Processing</t>
  </si>
  <si>
    <t>251991085556036308395324851400611</t>
  </si>
  <si>
    <t>FIN Cost Object Controlling</t>
  </si>
  <si>
    <t>563941389332815462566219879359959</t>
  </si>
  <si>
    <t>FIN Inconsistencies</t>
  </si>
  <si>
    <t>54665415427248202214443291669828</t>
  </si>
  <si>
    <t>FIN Investment Management</t>
  </si>
  <si>
    <t>358222020303511614172622269860016</t>
  </si>
  <si>
    <t>FIN Localization China</t>
  </si>
  <si>
    <t>65358973351105719195976340905046</t>
  </si>
  <si>
    <t>FIN Localization India</t>
  </si>
  <si>
    <t>389743771345850033619361086418676</t>
  </si>
  <si>
    <t>FIN Localization Japan</t>
  </si>
  <si>
    <t>613822505147182106635670536063341</t>
  </si>
  <si>
    <t>FIN Material Ledger</t>
  </si>
  <si>
    <t>511106278398416924538843938073424</t>
  </si>
  <si>
    <t>FIN Overhead Cost</t>
  </si>
  <si>
    <t>638828435563833322521896520567716</t>
  </si>
  <si>
    <t>FIN Product Cost Planning</t>
  </si>
  <si>
    <t>301750250739038258587291577660091</t>
  </si>
  <si>
    <t>FIN Profit Center</t>
  </si>
  <si>
    <t>368252775582391257383490099411464</t>
  </si>
  <si>
    <t>FIN Profitability Analysis</t>
  </si>
  <si>
    <t>877037477253701779391072688047580</t>
  </si>
  <si>
    <t>FIN Special Ledger &amp; Data Retention Tools</t>
  </si>
  <si>
    <t>255433781229384346413937246009823</t>
  </si>
  <si>
    <t>FIN Withholding Taxes</t>
  </si>
  <si>
    <t>256421961439456457241177787176488</t>
  </si>
  <si>
    <t>MM - SAP Fiori UX</t>
  </si>
  <si>
    <t>1947505981826470870334685717309</t>
  </si>
  <si>
    <t>MM Advanced Returns Management</t>
  </si>
  <si>
    <t>402489426158095572469338199787586</t>
  </si>
  <si>
    <t>MM Inventory Management</t>
  </si>
  <si>
    <t>458360983784136828334119370605946</t>
  </si>
  <si>
    <t>MM Invoice Verification</t>
  </si>
  <si>
    <t>507573428100543543566493124410813</t>
  </si>
  <si>
    <t>MM Purchasing</t>
  </si>
  <si>
    <t>595868487418199787169547067861445</t>
  </si>
  <si>
    <t>MM Service Procurement</t>
  </si>
  <si>
    <t>616977451522804395975468912270328</t>
  </si>
  <si>
    <t>mobile service for SAP Fiori</t>
  </si>
  <si>
    <t>480041978550045079567539109400636</t>
  </si>
  <si>
    <t>NW Information Lifecycle Management</t>
  </si>
  <si>
    <t>668874921104038800958643358380369</t>
  </si>
  <si>
    <t>SAP Cloud Platform Mobile Services</t>
  </si>
  <si>
    <t>477916618626075516391832082074785</t>
  </si>
  <si>
    <t>SAP Process Orchestration</t>
  </si>
  <si>
    <t>281348484285791548287640397557224</t>
  </si>
  <si>
    <t>SBOP SDK</t>
  </si>
  <si>
    <t>506426032488252737092735920280908</t>
  </si>
  <si>
    <t>SRM Account Assignment</t>
  </si>
  <si>
    <t>134161622551564560621147015945683</t>
  </si>
  <si>
    <t>SRM Bidding</t>
  </si>
  <si>
    <t>739171255177193872828925894555212</t>
  </si>
  <si>
    <t>SRM Catalog Management</t>
  </si>
  <si>
    <t>171011427049691057126808288877224</t>
  </si>
  <si>
    <t>SRM Confirmation</t>
  </si>
  <si>
    <t>431648573204794944006001742356989</t>
  </si>
  <si>
    <t>SRM Contracts</t>
  </si>
  <si>
    <t>255336459886708444682483813833052</t>
  </si>
  <si>
    <t>SRM External Requirements</t>
  </si>
  <si>
    <t>654523857109541671748834164942130</t>
  </si>
  <si>
    <t>SRM Live Auction</t>
  </si>
  <si>
    <t>688750589059708968293975903543049</t>
  </si>
  <si>
    <t>SRM Middleware</t>
  </si>
  <si>
    <t>398572143799331634934355892574857</t>
  </si>
  <si>
    <t>SRM Organization and Business Partner Assignment</t>
  </si>
  <si>
    <t>54103288239923032239740921327728</t>
  </si>
  <si>
    <t>SRM Performance, Upgrade, Security, Install</t>
  </si>
  <si>
    <t>368249041619187398289075991166898</t>
  </si>
  <si>
    <t>SRM Personalized Object Worklist</t>
  </si>
  <si>
    <t>186480879956881305899415400525228</t>
  </si>
  <si>
    <t>SRM Printing and Attachments</t>
  </si>
  <si>
    <t>602631508274933972943452200251441</t>
  </si>
  <si>
    <t>SRM Purchase Order</t>
  </si>
  <si>
    <t>677491046300181691546576189479810</t>
  </si>
  <si>
    <t>SRM Shopping Cart</t>
  </si>
  <si>
    <t>418611516826521573754265367626761</t>
  </si>
  <si>
    <t>SRM Sourcing Cockpit</t>
  </si>
  <si>
    <t>364861438161153086539850396098327</t>
  </si>
  <si>
    <t>SRM Supplier Self-Service</t>
  </si>
  <si>
    <t>396093164386456058015794728035425</t>
  </si>
  <si>
    <t>SRM UI</t>
  </si>
  <si>
    <t>38722471551617022381959970468207</t>
  </si>
  <si>
    <t>SRM Workflow</t>
  </si>
  <si>
    <t>Updated April 3, 201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b/>
      <sz val="11"/>
      <color rgb="FF000000"/>
      <name val="Calibri"/>
      <family val="2"/>
    </font>
    <font>
      <sz val="11"/>
      <color rgb="FFFF0000"/>
      <name val="Calibri"/>
      <family val="2"/>
      <scheme val="minor"/>
    </font>
    <font>
      <u/>
      <sz val="11"/>
      <color theme="10"/>
      <name val="Calibri"/>
      <family val="2"/>
      <scheme val="minor"/>
    </font>
    <font>
      <b/>
      <i/>
      <sz val="10"/>
      <color theme="0" tint="-0.499984740745262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  <fill>
      <patternFill patternType="solid">
        <fgColor theme="0" tint="-0.14999847407452621"/>
        <bgColor indexed="64"/>
      </patternFill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0" fontId="5" fillId="0" borderId="0" applyNumberFormat="0" applyFill="0" applyBorder="0" applyAlignment="0" applyProtection="0"/>
  </cellStyleXfs>
  <cellXfs count="28">
    <xf numFmtId="0" fontId="0" fillId="0" borderId="0" xfId="0"/>
    <xf numFmtId="0" fontId="5" fillId="0" borderId="0" xfId="1" applyNumberFormat="1" applyFill="1"/>
    <xf numFmtId="0" fontId="5" fillId="0" borderId="0" xfId="1" applyFill="1"/>
    <xf numFmtId="0" fontId="0" fillId="0" borderId="2" xfId="0" applyNumberFormat="1" applyFill="1" applyBorder="1"/>
    <xf numFmtId="0" fontId="0" fillId="0" borderId="2" xfId="0" applyFill="1" applyBorder="1"/>
    <xf numFmtId="0" fontId="0" fillId="3" borderId="3" xfId="0" applyNumberFormat="1" applyFill="1" applyBorder="1"/>
    <xf numFmtId="0" fontId="5" fillId="3" borderId="1" xfId="1" applyNumberFormat="1" applyFill="1" applyBorder="1"/>
    <xf numFmtId="0" fontId="0" fillId="0" borderId="0" xfId="0" applyNumberFormat="1" applyFill="1"/>
    <xf numFmtId="0" fontId="0" fillId="0" borderId="0" xfId="0" applyFill="1"/>
    <xf numFmtId="0" fontId="2" fillId="0" borderId="2" xfId="0" applyNumberFormat="1" applyFont="1" applyFill="1" applyBorder="1"/>
    <xf numFmtId="0" fontId="2" fillId="0" borderId="2" xfId="0" applyFont="1" applyFill="1" applyBorder="1"/>
    <xf numFmtId="0" fontId="3" fillId="2" borderId="2" xfId="0" applyNumberFormat="1" applyFont="1" applyFill="1" applyBorder="1"/>
    <xf numFmtId="0" fontId="1" fillId="2" borderId="2" xfId="0" applyFont="1" applyFill="1" applyBorder="1"/>
    <xf numFmtId="0" fontId="1" fillId="3" borderId="3" xfId="0" applyNumberFormat="1" applyFont="1" applyFill="1" applyBorder="1"/>
    <xf numFmtId="0" fontId="1" fillId="3" borderId="3" xfId="0" applyFont="1" applyFill="1" applyBorder="1"/>
    <xf numFmtId="0" fontId="1" fillId="3" borderId="1" xfId="0" applyNumberFormat="1" applyFont="1" applyFill="1" applyBorder="1"/>
    <xf numFmtId="0" fontId="1" fillId="3" borderId="1" xfId="0" applyFont="1" applyFill="1" applyBorder="1"/>
    <xf numFmtId="0" fontId="4" fillId="0" borderId="0" xfId="0" applyNumberFormat="1" applyFont="1" applyFill="1"/>
    <xf numFmtId="0" fontId="4" fillId="0" borderId="0" xfId="0" applyFont="1" applyFill="1"/>
    <xf numFmtId="0" fontId="0" fillId="0" borderId="0" xfId="0" applyNumberFormat="1" applyFill="1" applyAlignment="1">
      <alignment horizontal="center"/>
    </xf>
    <xf numFmtId="0" fontId="0" fillId="3" borderId="1" xfId="0" applyNumberFormat="1" applyFill="1" applyBorder="1"/>
    <xf numFmtId="0" fontId="1" fillId="2" borderId="2" xfId="0" quotePrefix="1" applyFont="1" applyFill="1" applyBorder="1"/>
    <xf numFmtId="0" fontId="0" fillId="0" borderId="0" xfId="0" quotePrefix="1" applyNumberFormat="1" applyFill="1"/>
    <xf numFmtId="0" fontId="0" fillId="0" borderId="0" xfId="0" applyNumberFormat="1"/>
    <xf numFmtId="0" fontId="1" fillId="0" borderId="1" xfId="0" applyNumberFormat="1" applyFont="1" applyBorder="1"/>
    <xf numFmtId="0" fontId="0" fillId="0" borderId="1" xfId="0" applyFill="1" applyBorder="1"/>
    <xf numFmtId="0" fontId="0" fillId="0" borderId="1" xfId="0" applyNumberFormat="1" applyFill="1" applyBorder="1"/>
    <xf numFmtId="0" fontId="6" fillId="0" borderId="1" xfId="0" applyNumberFormat="1" applyFont="1" applyBorder="1" applyAlignment="1">
      <alignment horizontal="left"/>
    </xf>
  </cellXfs>
  <cellStyles count="2">
    <cellStyle name="Hyperlink" xfId="1" builtinId="8"/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043"/>
  <sheetViews>
    <sheetView tabSelected="1" topLeftCell="A2335" workbookViewId="0">
      <selection activeCell="C2345" sqref="C2345:C2361"/>
    </sheetView>
  </sheetViews>
  <sheetFormatPr defaultColWidth="9.140625" defaultRowHeight="15" x14ac:dyDescent="0.25"/>
  <cols>
    <col min="1" max="1" width="26.42578125" style="8" customWidth="1"/>
    <col min="2" max="2" width="20.85546875" style="8" customWidth="1"/>
    <col min="3" max="3" width="38.85546875" style="8" customWidth="1"/>
    <col min="4" max="4" width="34.140625" style="8" customWidth="1"/>
    <col min="5" max="5" width="80" style="7" customWidth="1"/>
    <col min="6" max="6" width="46.28515625" style="7" customWidth="1"/>
    <col min="7" max="7" width="52.28515625" style="8" customWidth="1"/>
    <col min="8" max="16384" width="9.140625" style="8"/>
  </cols>
  <sheetData>
    <row r="1" spans="1:6" ht="24" thickBot="1" x14ac:dyDescent="0.4">
      <c r="A1" s="9" t="s">
        <v>2240</v>
      </c>
      <c r="B1" s="10"/>
      <c r="C1" s="10"/>
      <c r="D1" s="4"/>
      <c r="E1" s="3"/>
      <c r="F1" s="3"/>
    </row>
    <row r="2" spans="1:6" s="25" customFormat="1" x14ac:dyDescent="0.25">
      <c r="A2" s="24" t="s">
        <v>5031</v>
      </c>
      <c r="B2" s="27" t="s">
        <v>5558</v>
      </c>
      <c r="E2" s="26"/>
      <c r="F2" s="26"/>
    </row>
    <row r="4" spans="1:6" ht="25.5" customHeight="1" thickBot="1" x14ac:dyDescent="0.3">
      <c r="A4" s="11" t="s">
        <v>5202</v>
      </c>
      <c r="B4" s="12" t="s">
        <v>5203</v>
      </c>
      <c r="C4" s="21"/>
      <c r="D4" s="12" t="s">
        <v>2242</v>
      </c>
      <c r="E4" s="12" t="s">
        <v>2251</v>
      </c>
      <c r="F4" s="12" t="s">
        <v>2250</v>
      </c>
    </row>
    <row r="5" spans="1:6" x14ac:dyDescent="0.25">
      <c r="A5" s="13" t="s">
        <v>2144</v>
      </c>
      <c r="B5" s="14"/>
      <c r="C5" s="14"/>
      <c r="D5" s="14"/>
      <c r="E5" s="5"/>
      <c r="F5" s="5"/>
    </row>
    <row r="6" spans="1:6" x14ac:dyDescent="0.25">
      <c r="A6" s="7"/>
      <c r="B6" s="7" t="s">
        <v>96</v>
      </c>
      <c r="D6" s="8" t="s">
        <v>2241</v>
      </c>
      <c r="E6" s="1" t="str">
        <f t="shared" ref="E6:E11" si="0" xml:space="preserve"> HYPERLINK(CONCATENATE("http://www.sap.com/community/tag.html?id=",$F6))</f>
        <v>http://www.sap.com/community/tag.html?id=17849765017455686912817263347948</v>
      </c>
      <c r="F6" s="7" t="s">
        <v>2244</v>
      </c>
    </row>
    <row r="7" spans="1:6" x14ac:dyDescent="0.25">
      <c r="A7" s="7"/>
      <c r="B7" s="7" t="s">
        <v>1174</v>
      </c>
      <c r="D7" s="8" t="s">
        <v>2241</v>
      </c>
      <c r="E7" s="1" t="str">
        <f t="shared" si="0"/>
        <v>http://www.sap.com/community/tag.html?id=478365276179134788459108226555898</v>
      </c>
      <c r="F7" s="7" t="s">
        <v>2245</v>
      </c>
    </row>
    <row r="8" spans="1:6" x14ac:dyDescent="0.25">
      <c r="A8" s="7"/>
      <c r="B8" s="7" t="s">
        <v>736</v>
      </c>
      <c r="D8" s="8" t="s">
        <v>2241</v>
      </c>
      <c r="E8" s="1" t="str">
        <f t="shared" si="0"/>
        <v>http://www.sap.com/community/tag.html?id=452226995734089969488497968524231</v>
      </c>
      <c r="F8" s="7" t="s">
        <v>2246</v>
      </c>
    </row>
    <row r="9" spans="1:6" x14ac:dyDescent="0.25">
      <c r="A9" s="7"/>
      <c r="B9" s="7" t="s">
        <v>363</v>
      </c>
      <c r="D9" s="8" t="s">
        <v>2241</v>
      </c>
      <c r="E9" s="1" t="str">
        <f t="shared" si="0"/>
        <v>http://www.sap.com/community/tag.html?id=891349005586930604519575996418053</v>
      </c>
      <c r="F9" s="7" t="s">
        <v>2247</v>
      </c>
    </row>
    <row r="10" spans="1:6" x14ac:dyDescent="0.25">
      <c r="A10" s="7"/>
      <c r="B10" s="7" t="s">
        <v>1242</v>
      </c>
      <c r="D10" s="8" t="s">
        <v>2241</v>
      </c>
      <c r="E10" s="1" t="str">
        <f t="shared" si="0"/>
        <v>http://www.sap.com/community/tag.html?id=266216885309448000234589693334884</v>
      </c>
      <c r="F10" s="7" t="s">
        <v>2248</v>
      </c>
    </row>
    <row r="11" spans="1:6" x14ac:dyDescent="0.25">
      <c r="A11" s="7"/>
      <c r="B11" s="7" t="s">
        <v>113</v>
      </c>
      <c r="D11" s="8" t="s">
        <v>2241</v>
      </c>
      <c r="E11" s="1" t="str">
        <f t="shared" si="0"/>
        <v>http://www.sap.com/community/tag.html?id=571267881358674984386133031541144</v>
      </c>
      <c r="F11" s="7" t="s">
        <v>2249</v>
      </c>
    </row>
    <row r="12" spans="1:6" x14ac:dyDescent="0.25">
      <c r="A12" s="15" t="s">
        <v>1095</v>
      </c>
      <c r="B12" s="16"/>
      <c r="C12" s="16"/>
      <c r="D12" s="16"/>
      <c r="E12" s="6"/>
      <c r="F12" s="6"/>
    </row>
    <row r="13" spans="1:6" x14ac:dyDescent="0.25">
      <c r="A13" s="7"/>
      <c r="B13" s="7" t="s">
        <v>1920</v>
      </c>
      <c r="D13" s="8" t="s">
        <v>2241</v>
      </c>
      <c r="E13" s="1" t="str">
        <f t="shared" ref="E13:E24" si="1" xml:space="preserve"> HYPERLINK(CONCATENATE("http://www.sap.com/community/tag.html?id=",$F13))</f>
        <v>http://www.sap.com/community/tag.html?id=416894455820420072239036152312992</v>
      </c>
      <c r="F13" s="7" t="s">
        <v>2252</v>
      </c>
    </row>
    <row r="14" spans="1:6" x14ac:dyDescent="0.25">
      <c r="A14" s="7"/>
      <c r="B14" s="7" t="s">
        <v>1418</v>
      </c>
      <c r="D14" s="8" t="s">
        <v>2241</v>
      </c>
      <c r="E14" s="1" t="str">
        <f t="shared" si="1"/>
        <v>http://www.sap.com/community/tag.html?id=523757421691906837442183267052576</v>
      </c>
      <c r="F14" s="7" t="s">
        <v>2253</v>
      </c>
    </row>
    <row r="15" spans="1:6" x14ac:dyDescent="0.25">
      <c r="A15" s="7"/>
      <c r="B15" s="7" t="s">
        <v>183</v>
      </c>
      <c r="D15" s="8" t="s">
        <v>2241</v>
      </c>
      <c r="E15" s="1" t="str">
        <f t="shared" si="1"/>
        <v>http://www.sap.com/community/tag.html?id=580913076837832717520572513123048</v>
      </c>
      <c r="F15" s="7" t="s">
        <v>2254</v>
      </c>
    </row>
    <row r="16" spans="1:6" x14ac:dyDescent="0.25">
      <c r="A16" s="7"/>
      <c r="B16" s="7" t="s">
        <v>1825</v>
      </c>
      <c r="D16" s="8" t="s">
        <v>2241</v>
      </c>
      <c r="E16" s="1" t="str">
        <f t="shared" si="1"/>
        <v>http://www.sap.com/community/tag.html?id=432847304412867685958853184971807</v>
      </c>
      <c r="F16" s="7" t="s">
        <v>2255</v>
      </c>
    </row>
    <row r="17" spans="1:6" x14ac:dyDescent="0.25">
      <c r="A17" s="7"/>
      <c r="B17" s="7" t="s">
        <v>1443</v>
      </c>
      <c r="D17" s="8" t="s">
        <v>2241</v>
      </c>
      <c r="E17" s="1" t="str">
        <f t="shared" si="1"/>
        <v>http://www.sap.com/community/tag.html?id=414520970114519380680684216781222</v>
      </c>
      <c r="F17" s="7" t="s">
        <v>2256</v>
      </c>
    </row>
    <row r="18" spans="1:6" x14ac:dyDescent="0.25">
      <c r="A18" s="7"/>
      <c r="B18" s="7" t="s">
        <v>1792</v>
      </c>
      <c r="D18" s="8" t="s">
        <v>2241</v>
      </c>
      <c r="E18" s="1" t="str">
        <f t="shared" si="1"/>
        <v>http://www.sap.com/community/tag.html?id=785430894859484524744777813922285</v>
      </c>
      <c r="F18" s="7" t="s">
        <v>2257</v>
      </c>
    </row>
    <row r="19" spans="1:6" x14ac:dyDescent="0.25">
      <c r="A19" s="7"/>
      <c r="B19" s="7" t="s">
        <v>2092</v>
      </c>
      <c r="D19" s="8" t="s">
        <v>2241</v>
      </c>
      <c r="E19" s="1" t="str">
        <f t="shared" si="1"/>
        <v>http://www.sap.com/community/tag.html?id=72472722867005232775920452375500</v>
      </c>
      <c r="F19" s="7" t="s">
        <v>2258</v>
      </c>
    </row>
    <row r="20" spans="1:6" x14ac:dyDescent="0.25">
      <c r="A20" s="7"/>
      <c r="B20" s="7" t="s">
        <v>856</v>
      </c>
      <c r="D20" s="8" t="s">
        <v>2241</v>
      </c>
      <c r="E20" s="1" t="str">
        <f t="shared" si="1"/>
        <v>http://www.sap.com/community/tag.html?id=565925756809677459043752802023517</v>
      </c>
      <c r="F20" s="7" t="s">
        <v>2259</v>
      </c>
    </row>
    <row r="21" spans="1:6" x14ac:dyDescent="0.25">
      <c r="A21" s="7"/>
      <c r="B21" s="7" t="s">
        <v>100</v>
      </c>
      <c r="D21" s="8" t="s">
        <v>2241</v>
      </c>
      <c r="E21" s="1" t="str">
        <f t="shared" si="1"/>
        <v>http://www.sap.com/community/tag.html?id=82972118795511538693897596675887</v>
      </c>
      <c r="F21" s="7" t="s">
        <v>2260</v>
      </c>
    </row>
    <row r="22" spans="1:6" x14ac:dyDescent="0.25">
      <c r="A22" s="7"/>
      <c r="B22" s="7" t="s">
        <v>1707</v>
      </c>
      <c r="D22" s="8" t="s">
        <v>2241</v>
      </c>
      <c r="E22" s="1" t="str">
        <f t="shared" si="1"/>
        <v>http://www.sap.com/community/tag.html?id=755421404636447943131706525840948</v>
      </c>
      <c r="F22" s="7" t="s">
        <v>2261</v>
      </c>
    </row>
    <row r="23" spans="1:6" x14ac:dyDescent="0.25">
      <c r="A23" s="7"/>
      <c r="B23" s="7" t="s">
        <v>1421</v>
      </c>
      <c r="D23" s="8" t="s">
        <v>2241</v>
      </c>
      <c r="E23" s="1" t="str">
        <f t="shared" si="1"/>
        <v>http://www.sap.com/community/tag.html?id=346083195931624615410618362498977</v>
      </c>
      <c r="F23" s="7" t="s">
        <v>2262</v>
      </c>
    </row>
    <row r="24" spans="1:6" x14ac:dyDescent="0.25">
      <c r="A24" s="7"/>
      <c r="B24" s="7" t="s">
        <v>1593</v>
      </c>
      <c r="D24" s="8" t="s">
        <v>2241</v>
      </c>
      <c r="E24" s="1" t="str">
        <f t="shared" si="1"/>
        <v>http://www.sap.com/community/tag.html?id=673499795378732112340183023264489</v>
      </c>
      <c r="F24" s="7" t="s">
        <v>2263</v>
      </c>
    </row>
    <row r="25" spans="1:6" x14ac:dyDescent="0.25">
      <c r="A25" s="15" t="s">
        <v>1692</v>
      </c>
      <c r="B25" s="16"/>
      <c r="C25" s="16"/>
      <c r="D25" s="16"/>
      <c r="E25" s="6"/>
      <c r="F25" s="6"/>
    </row>
    <row r="26" spans="1:6" x14ac:dyDescent="0.25">
      <c r="A26" s="7"/>
      <c r="B26" s="7" t="s">
        <v>1497</v>
      </c>
      <c r="D26" s="8" t="s">
        <v>2241</v>
      </c>
      <c r="E26" s="1" t="str">
        <f t="shared" ref="E26:E50" si="2" xml:space="preserve"> HYPERLINK(CONCATENATE("http://www.sap.com/community/tag.html?id=",$F26))</f>
        <v>http://www.sap.com/community/tag.html?id=192814547175000220653543</v>
      </c>
      <c r="F26" s="7" t="s">
        <v>2264</v>
      </c>
    </row>
    <row r="27" spans="1:6" x14ac:dyDescent="0.25">
      <c r="A27" s="7"/>
      <c r="B27" s="7" t="s">
        <v>1835</v>
      </c>
      <c r="D27" s="8" t="s">
        <v>2241</v>
      </c>
      <c r="E27" s="1" t="str">
        <f t="shared" si="2"/>
        <v>http://www.sap.com/community/tag.html?id=56387771929354094609172</v>
      </c>
      <c r="F27" s="7" t="s">
        <v>2265</v>
      </c>
    </row>
    <row r="28" spans="1:6" x14ac:dyDescent="0.25">
      <c r="A28" s="7"/>
      <c r="B28" s="7" t="s">
        <v>862</v>
      </c>
      <c r="D28" s="8" t="s">
        <v>2241</v>
      </c>
      <c r="E28" s="1" t="str">
        <f t="shared" si="2"/>
        <v>http://www.sap.com/community/tag.html?id=131623764915182240635655</v>
      </c>
      <c r="F28" s="7" t="s">
        <v>2266</v>
      </c>
    </row>
    <row r="29" spans="1:6" ht="14.25" customHeight="1" x14ac:dyDescent="0.25">
      <c r="A29" s="7"/>
      <c r="B29" s="7" t="s">
        <v>748</v>
      </c>
      <c r="D29" s="8" t="s">
        <v>2241</v>
      </c>
      <c r="E29" s="1" t="str">
        <f t="shared" si="2"/>
        <v>http://www.sap.com/community/tag.html?id=41698360237425736876524</v>
      </c>
      <c r="F29" s="7" t="s">
        <v>2267</v>
      </c>
    </row>
    <row r="30" spans="1:6" ht="14.25" customHeight="1" x14ac:dyDescent="0.25">
      <c r="A30" s="7"/>
      <c r="B30" s="7" t="s">
        <v>545</v>
      </c>
      <c r="D30" s="8" t="s">
        <v>2241</v>
      </c>
      <c r="E30" s="1" t="str">
        <f t="shared" si="2"/>
        <v>http://www.sap.com/community/tag.html?id=22197834566642743784643</v>
      </c>
      <c r="F30" s="7" t="s">
        <v>2268</v>
      </c>
    </row>
    <row r="31" spans="1:6" ht="14.25" customHeight="1" x14ac:dyDescent="0.25">
      <c r="A31" s="7"/>
      <c r="B31" s="7" t="s">
        <v>1689</v>
      </c>
      <c r="D31" s="8" t="s">
        <v>2241</v>
      </c>
      <c r="E31" s="1" t="str">
        <f t="shared" si="2"/>
        <v>http://www.sap.com/community/tag.html?id=159367983329805292011158</v>
      </c>
      <c r="F31" s="7" t="s">
        <v>2269</v>
      </c>
    </row>
    <row r="32" spans="1:6" x14ac:dyDescent="0.25">
      <c r="A32" s="7"/>
      <c r="B32" s="7" t="s">
        <v>444</v>
      </c>
      <c r="D32" s="8" t="s">
        <v>2241</v>
      </c>
      <c r="E32" s="1" t="str">
        <f t="shared" si="2"/>
        <v>http://www.sap.com/community/tag.html?id=193926939960921617562539</v>
      </c>
      <c r="F32" s="7" t="s">
        <v>2270</v>
      </c>
    </row>
    <row r="33" spans="1:6" x14ac:dyDescent="0.25">
      <c r="A33" s="7"/>
      <c r="B33" s="7" t="s">
        <v>553</v>
      </c>
      <c r="D33" s="8" t="s">
        <v>2241</v>
      </c>
      <c r="E33" s="1" t="str">
        <f t="shared" si="2"/>
        <v>http://www.sap.com/community/tag.html?id=145882333770114278757787</v>
      </c>
      <c r="F33" s="7" t="s">
        <v>2271</v>
      </c>
    </row>
    <row r="34" spans="1:6" x14ac:dyDescent="0.25">
      <c r="A34" s="7"/>
      <c r="B34" s="7" t="s">
        <v>377</v>
      </c>
      <c r="D34" s="8" t="s">
        <v>2241</v>
      </c>
      <c r="E34" s="1" t="str">
        <f t="shared" si="2"/>
        <v>http://www.sap.com/community/tag.html?id=141065692368283635970801</v>
      </c>
      <c r="F34" s="7" t="s">
        <v>2272</v>
      </c>
    </row>
    <row r="35" spans="1:6" x14ac:dyDescent="0.25">
      <c r="A35" s="7"/>
      <c r="B35" s="7" t="s">
        <v>1749</v>
      </c>
      <c r="D35" s="8" t="s">
        <v>2241</v>
      </c>
      <c r="E35" s="1" t="str">
        <f t="shared" si="2"/>
        <v>http://www.sap.com/community/tag.html?id=148449952393846517506952</v>
      </c>
      <c r="F35" s="7" t="s">
        <v>2273</v>
      </c>
    </row>
    <row r="36" spans="1:6" x14ac:dyDescent="0.25">
      <c r="A36" s="7"/>
      <c r="B36" s="7" t="s">
        <v>1728</v>
      </c>
      <c r="D36" s="8" t="s">
        <v>2241</v>
      </c>
      <c r="E36" s="1" t="str">
        <f t="shared" si="2"/>
        <v>http://www.sap.com/community/tag.html?id=42513095034597134398119</v>
      </c>
      <c r="F36" s="7" t="s">
        <v>2274</v>
      </c>
    </row>
    <row r="37" spans="1:6" x14ac:dyDescent="0.25">
      <c r="A37" s="7"/>
      <c r="B37" s="7" t="s">
        <v>1678</v>
      </c>
      <c r="D37" s="8" t="s">
        <v>2241</v>
      </c>
      <c r="E37" s="1" t="str">
        <f t="shared" si="2"/>
        <v>http://www.sap.com/community/tag.html?id=97996813156586659752541</v>
      </c>
      <c r="F37" s="7" t="s">
        <v>2275</v>
      </c>
    </row>
    <row r="38" spans="1:6" x14ac:dyDescent="0.25">
      <c r="A38" s="7"/>
      <c r="B38" s="7" t="s">
        <v>2056</v>
      </c>
      <c r="D38" s="8" t="s">
        <v>2241</v>
      </c>
      <c r="E38" s="1" t="str">
        <f t="shared" si="2"/>
        <v>http://www.sap.com/community/tag.html?id=95174915017257381839339</v>
      </c>
      <c r="F38" s="7" t="s">
        <v>2276</v>
      </c>
    </row>
    <row r="39" spans="1:6" x14ac:dyDescent="0.25">
      <c r="A39" s="7"/>
      <c r="B39" s="7" t="s">
        <v>1850</v>
      </c>
      <c r="D39" s="8" t="s">
        <v>2241</v>
      </c>
      <c r="E39" s="1" t="str">
        <f t="shared" si="2"/>
        <v>http://www.sap.com/community/tag.html?id=46151026338704711996502</v>
      </c>
      <c r="F39" s="7" t="s">
        <v>2277</v>
      </c>
    </row>
    <row r="40" spans="1:6" x14ac:dyDescent="0.25">
      <c r="A40" s="7"/>
      <c r="B40" s="7" t="s">
        <v>2208</v>
      </c>
      <c r="D40" s="8" t="s">
        <v>2241</v>
      </c>
      <c r="E40" s="1" t="str">
        <f t="shared" si="2"/>
        <v>http://www.sap.com/community/tag.html?id=31958591515119384139674</v>
      </c>
      <c r="F40" s="7" t="s">
        <v>2278</v>
      </c>
    </row>
    <row r="41" spans="1:6" x14ac:dyDescent="0.25">
      <c r="A41" s="7"/>
      <c r="B41" s="7" t="s">
        <v>1105</v>
      </c>
      <c r="D41" s="8" t="s">
        <v>2241</v>
      </c>
      <c r="E41" s="1" t="str">
        <f t="shared" si="2"/>
        <v>http://www.sap.com/community/tag.html?id=140366652636409988283894</v>
      </c>
      <c r="F41" s="7" t="s">
        <v>2279</v>
      </c>
    </row>
    <row r="42" spans="1:6" x14ac:dyDescent="0.25">
      <c r="A42" s="7"/>
      <c r="B42" s="7" t="s">
        <v>410</v>
      </c>
      <c r="D42" s="8" t="s">
        <v>2241</v>
      </c>
      <c r="E42" s="1" t="str">
        <f t="shared" si="2"/>
        <v>http://www.sap.com/community/tag.html?id=156805312755941004032364</v>
      </c>
      <c r="F42" s="7" t="s">
        <v>2280</v>
      </c>
    </row>
    <row r="43" spans="1:6" x14ac:dyDescent="0.25">
      <c r="A43" s="7"/>
      <c r="B43" s="7" t="s">
        <v>47</v>
      </c>
      <c r="D43" s="8" t="s">
        <v>2241</v>
      </c>
      <c r="E43" s="1" t="str">
        <f t="shared" si="2"/>
        <v>http://www.sap.com/community/tag.html?id=14945408660319805935548</v>
      </c>
      <c r="F43" s="7" t="s">
        <v>2281</v>
      </c>
    </row>
    <row r="44" spans="1:6" x14ac:dyDescent="0.25">
      <c r="A44" s="7"/>
      <c r="B44" s="7" t="s">
        <v>1392</v>
      </c>
      <c r="D44" s="8" t="s">
        <v>2241</v>
      </c>
      <c r="E44" s="1" t="str">
        <f t="shared" si="2"/>
        <v>http://www.sap.com/community/tag.html?id=130110653021563432906662</v>
      </c>
      <c r="F44" s="7" t="s">
        <v>2282</v>
      </c>
    </row>
    <row r="45" spans="1:6" x14ac:dyDescent="0.25">
      <c r="A45" s="7"/>
      <c r="B45" s="7" t="s">
        <v>170</v>
      </c>
      <c r="D45" s="8" t="s">
        <v>2241</v>
      </c>
      <c r="E45" s="1" t="str">
        <f t="shared" si="2"/>
        <v>http://www.sap.com/community/tag.html?id=99624789925257984685885</v>
      </c>
      <c r="F45" s="7" t="s">
        <v>2283</v>
      </c>
    </row>
    <row r="46" spans="1:6" x14ac:dyDescent="0.25">
      <c r="A46" s="7"/>
      <c r="B46" s="7" t="s">
        <v>453</v>
      </c>
      <c r="D46" s="8" t="s">
        <v>2241</v>
      </c>
      <c r="E46" s="1" t="str">
        <f t="shared" si="2"/>
        <v>http://www.sap.com/community/tag.html?id=168405230419714604047700</v>
      </c>
      <c r="F46" s="7" t="s">
        <v>2284</v>
      </c>
    </row>
    <row r="47" spans="1:6" x14ac:dyDescent="0.25">
      <c r="A47" s="7"/>
      <c r="B47" s="7" t="s">
        <v>2098</v>
      </c>
      <c r="D47" s="8" t="s">
        <v>2241</v>
      </c>
      <c r="E47" s="1" t="str">
        <f t="shared" si="2"/>
        <v>http://www.sap.com/community/tag.html?id=88785088356999520628792</v>
      </c>
      <c r="F47" s="7" t="s">
        <v>2285</v>
      </c>
    </row>
    <row r="48" spans="1:6" x14ac:dyDescent="0.25">
      <c r="A48" s="7"/>
      <c r="B48" s="7" t="s">
        <v>2079</v>
      </c>
      <c r="D48" s="8" t="s">
        <v>2241</v>
      </c>
      <c r="E48" s="1" t="str">
        <f t="shared" si="2"/>
        <v>http://www.sap.com/community/tag.html?id=189126846661201547308884</v>
      </c>
      <c r="F48" s="7" t="s">
        <v>2286</v>
      </c>
    </row>
    <row r="49" spans="1:6" x14ac:dyDescent="0.25">
      <c r="A49" s="7"/>
      <c r="B49" s="7" t="s">
        <v>1761</v>
      </c>
      <c r="D49" s="8" t="s">
        <v>2241</v>
      </c>
      <c r="E49" s="1" t="str">
        <f t="shared" si="2"/>
        <v>http://www.sap.com/community/tag.html?id=48826897347003784259801</v>
      </c>
      <c r="F49" s="7" t="s">
        <v>2287</v>
      </c>
    </row>
    <row r="50" spans="1:6" x14ac:dyDescent="0.25">
      <c r="A50" s="7"/>
      <c r="B50" s="7" t="s">
        <v>122</v>
      </c>
      <c r="D50" s="8" t="s">
        <v>2241</v>
      </c>
      <c r="E50" s="1" t="str">
        <f t="shared" si="2"/>
        <v>http://www.sap.com/community/tag.html?id=26748694445508693237053</v>
      </c>
      <c r="F50" s="7" t="s">
        <v>2288</v>
      </c>
    </row>
    <row r="51" spans="1:6" x14ac:dyDescent="0.25">
      <c r="A51" s="15" t="s">
        <v>600</v>
      </c>
      <c r="B51" s="16"/>
      <c r="C51" s="16"/>
      <c r="D51" s="16"/>
      <c r="E51" s="6"/>
      <c r="F51" s="6"/>
    </row>
    <row r="52" spans="1:6" x14ac:dyDescent="0.25">
      <c r="A52" s="7"/>
      <c r="B52" s="7" t="s">
        <v>82</v>
      </c>
      <c r="D52" s="8" t="s">
        <v>2241</v>
      </c>
      <c r="E52" s="1" t="str">
        <f t="shared" ref="E52:E63" si="3" xml:space="preserve"> HYPERLINK(CONCATENATE("http://www.sap.com/community/tag.html?id=",$F52))</f>
        <v>http://www.sap.com/community/tag.html?id=881278332031788528690755509828342</v>
      </c>
      <c r="F52" s="7" t="s">
        <v>2289</v>
      </c>
    </row>
    <row r="53" spans="1:6" x14ac:dyDescent="0.25">
      <c r="A53" s="7"/>
      <c r="B53" s="7" t="s">
        <v>1938</v>
      </c>
      <c r="D53" s="8" t="s">
        <v>2241</v>
      </c>
      <c r="E53" s="1" t="str">
        <f t="shared" si="3"/>
        <v>http://www.sap.com/community/tag.html?id=280820666226884166762512427258366</v>
      </c>
      <c r="F53" s="7" t="s">
        <v>2290</v>
      </c>
    </row>
    <row r="54" spans="1:6" x14ac:dyDescent="0.25">
      <c r="A54" s="7"/>
      <c r="B54" s="7" t="s">
        <v>2089</v>
      </c>
      <c r="D54" s="8" t="s">
        <v>2241</v>
      </c>
      <c r="E54" s="1" t="str">
        <f t="shared" si="3"/>
        <v>http://www.sap.com/community/tag.html?id=26125672434185216577101224541705</v>
      </c>
      <c r="F54" s="7" t="s">
        <v>2291</v>
      </c>
    </row>
    <row r="55" spans="1:6" x14ac:dyDescent="0.25">
      <c r="A55" s="7"/>
      <c r="B55" s="7" t="s">
        <v>2081</v>
      </c>
      <c r="D55" s="8" t="s">
        <v>2241</v>
      </c>
      <c r="E55" s="1" t="str">
        <f t="shared" si="3"/>
        <v>http://www.sap.com/community/tag.html?id=187064712417470272674355769299236</v>
      </c>
      <c r="F55" s="7" t="s">
        <v>2292</v>
      </c>
    </row>
    <row r="56" spans="1:6" x14ac:dyDescent="0.25">
      <c r="A56" s="7"/>
      <c r="B56" s="7" t="s">
        <v>1883</v>
      </c>
      <c r="D56" s="8" t="s">
        <v>2241</v>
      </c>
      <c r="E56" s="1" t="str">
        <f t="shared" si="3"/>
        <v>http://www.sap.com/community/tag.html?id=628174485061243064174468468464391</v>
      </c>
      <c r="F56" s="7" t="s">
        <v>2293</v>
      </c>
    </row>
    <row r="57" spans="1:6" x14ac:dyDescent="0.25">
      <c r="A57" s="7"/>
      <c r="B57" s="7" t="s">
        <v>687</v>
      </c>
      <c r="D57" s="8" t="s">
        <v>2241</v>
      </c>
      <c r="E57" s="1" t="str">
        <f t="shared" si="3"/>
        <v>http://www.sap.com/community/tag.html?id=755536437082376440490589117641654</v>
      </c>
      <c r="F57" s="7" t="s">
        <v>2294</v>
      </c>
    </row>
    <row r="58" spans="1:6" x14ac:dyDescent="0.25">
      <c r="A58" s="7"/>
      <c r="B58" s="7" t="s">
        <v>725</v>
      </c>
      <c r="D58" s="8" t="s">
        <v>2241</v>
      </c>
      <c r="E58" s="1" t="str">
        <f t="shared" si="3"/>
        <v>http://www.sap.com/community/tag.html?id=422564609741005395154911447368469</v>
      </c>
      <c r="F58" s="7" t="s">
        <v>2295</v>
      </c>
    </row>
    <row r="59" spans="1:6" x14ac:dyDescent="0.25">
      <c r="A59" s="7"/>
      <c r="B59" s="7" t="s">
        <v>367</v>
      </c>
      <c r="D59" s="8" t="s">
        <v>2241</v>
      </c>
      <c r="E59" s="1" t="str">
        <f t="shared" si="3"/>
        <v>http://www.sap.com/community/tag.html?id=532034999854801996881837914962902</v>
      </c>
      <c r="F59" s="7" t="s">
        <v>2296</v>
      </c>
    </row>
    <row r="60" spans="1:6" x14ac:dyDescent="0.25">
      <c r="A60" s="7"/>
      <c r="B60" s="7" t="s">
        <v>655</v>
      </c>
      <c r="D60" s="8" t="s">
        <v>2241</v>
      </c>
      <c r="E60" s="1" t="str">
        <f t="shared" si="3"/>
        <v>http://www.sap.com/community/tag.html?id=256350110744001612900390935967127</v>
      </c>
      <c r="F60" s="7" t="s">
        <v>2297</v>
      </c>
    </row>
    <row r="61" spans="1:6" x14ac:dyDescent="0.25">
      <c r="A61" s="7"/>
      <c r="B61" s="7" t="s">
        <v>225</v>
      </c>
      <c r="D61" s="8" t="s">
        <v>2241</v>
      </c>
      <c r="E61" s="1" t="str">
        <f t="shared" si="3"/>
        <v>http://www.sap.com/community/tag.html?id=566117836046276697184412662459974</v>
      </c>
      <c r="F61" s="7" t="s">
        <v>2298</v>
      </c>
    </row>
    <row r="62" spans="1:6" x14ac:dyDescent="0.25">
      <c r="A62" s="7"/>
      <c r="B62" s="7" t="s">
        <v>1316</v>
      </c>
      <c r="D62" s="8" t="s">
        <v>2241</v>
      </c>
      <c r="E62" s="1" t="str">
        <f t="shared" si="3"/>
        <v>http://www.sap.com/community/tag.html?id=68020287236497694019600446793069</v>
      </c>
      <c r="F62" s="7" t="s">
        <v>2299</v>
      </c>
    </row>
    <row r="63" spans="1:6" x14ac:dyDescent="0.25">
      <c r="A63" s="7"/>
      <c r="B63" s="7" t="s">
        <v>77</v>
      </c>
      <c r="D63" s="8" t="s">
        <v>2241</v>
      </c>
      <c r="E63" s="1" t="str">
        <f t="shared" si="3"/>
        <v>http://www.sap.com/community/tag.html?id=507384024606208929025520724038944</v>
      </c>
      <c r="F63" s="7" t="s">
        <v>2300</v>
      </c>
    </row>
    <row r="64" spans="1:6" x14ac:dyDescent="0.25">
      <c r="A64" s="15" t="s">
        <v>810</v>
      </c>
      <c r="B64" s="16"/>
      <c r="C64" s="16"/>
      <c r="D64" s="16"/>
      <c r="E64" s="16"/>
      <c r="F64" s="6"/>
    </row>
    <row r="65" spans="1:10" x14ac:dyDescent="0.25">
      <c r="A65" s="7"/>
      <c r="B65" s="7" t="s">
        <v>5204</v>
      </c>
      <c r="D65" s="8" t="s">
        <v>2241</v>
      </c>
      <c r="E65" s="1" t="s">
        <v>5205</v>
      </c>
      <c r="F65" s="22" t="s">
        <v>5206</v>
      </c>
    </row>
    <row r="66" spans="1:10" x14ac:dyDescent="0.25">
      <c r="A66" s="15" t="s">
        <v>263</v>
      </c>
      <c r="B66" s="16"/>
      <c r="C66" s="16"/>
      <c r="D66" s="16"/>
      <c r="E66" s="16"/>
      <c r="F66" s="6"/>
    </row>
    <row r="67" spans="1:10" x14ac:dyDescent="0.25">
      <c r="A67" s="7"/>
      <c r="B67" s="23" t="s">
        <v>1000</v>
      </c>
      <c r="C67"/>
      <c r="D67" s="7" t="s">
        <v>5032</v>
      </c>
      <c r="E67" s="1"/>
      <c r="F67" s="23" t="s">
        <v>2301</v>
      </c>
      <c r="G67"/>
      <c r="H67"/>
      <c r="I67"/>
      <c r="J67"/>
    </row>
    <row r="68" spans="1:10" x14ac:dyDescent="0.25">
      <c r="A68" s="7"/>
      <c r="B68"/>
      <c r="C68" s="23" t="s">
        <v>1000</v>
      </c>
      <c r="D68" s="23" t="s">
        <v>2241</v>
      </c>
      <c r="E68" s="1" t="str">
        <f t="shared" ref="E68:E131" si="4" xml:space="preserve"> HYPERLINK(CONCATENATE("http://www.sap.com/community/tag.html?id=",$F68))</f>
        <v>http://www.sap.com/community/tag.html?id=01200314690800000637</v>
      </c>
      <c r="F68" s="23" t="s">
        <v>2303</v>
      </c>
      <c r="G68"/>
      <c r="H68"/>
      <c r="I68"/>
      <c r="J68"/>
    </row>
    <row r="69" spans="1:10" x14ac:dyDescent="0.25">
      <c r="A69" s="7"/>
      <c r="B69" s="23" t="s">
        <v>39</v>
      </c>
      <c r="C69"/>
      <c r="D69" s="7" t="s">
        <v>5032</v>
      </c>
      <c r="E69" s="1"/>
      <c r="F69" s="23" t="s">
        <v>2302</v>
      </c>
      <c r="G69"/>
      <c r="H69"/>
      <c r="I69"/>
      <c r="J69"/>
    </row>
    <row r="70" spans="1:10" x14ac:dyDescent="0.25">
      <c r="A70" s="7"/>
      <c r="B70"/>
      <c r="C70" s="23" t="s">
        <v>39</v>
      </c>
      <c r="D70" s="23" t="s">
        <v>2241</v>
      </c>
      <c r="E70" s="1" t="str">
        <f t="shared" si="4"/>
        <v>http://www.sap.com/community/tag.html?id=01200314690800000638</v>
      </c>
      <c r="F70" s="23" t="s">
        <v>2304</v>
      </c>
      <c r="G70"/>
      <c r="H70"/>
      <c r="I70"/>
      <c r="J70"/>
    </row>
    <row r="71" spans="1:10" x14ac:dyDescent="0.25">
      <c r="A71" s="7"/>
      <c r="B71" s="23" t="s">
        <v>2128</v>
      </c>
      <c r="C71"/>
      <c r="D71" s="7" t="s">
        <v>5032</v>
      </c>
      <c r="E71" s="1"/>
      <c r="F71" s="23" t="s">
        <v>2305</v>
      </c>
      <c r="G71"/>
      <c r="H71"/>
      <c r="I71"/>
      <c r="J71"/>
    </row>
    <row r="72" spans="1:10" x14ac:dyDescent="0.25">
      <c r="A72" s="7"/>
      <c r="B72"/>
      <c r="C72" s="23" t="s">
        <v>2128</v>
      </c>
      <c r="D72" s="23" t="s">
        <v>2241</v>
      </c>
      <c r="E72" s="1" t="str">
        <f t="shared" si="4"/>
        <v>http://www.sap.com/community/tag.html?id=01200314690800000158</v>
      </c>
      <c r="F72" s="23" t="s">
        <v>2306</v>
      </c>
      <c r="G72"/>
      <c r="H72"/>
      <c r="I72"/>
      <c r="J72"/>
    </row>
    <row r="73" spans="1:10" x14ac:dyDescent="0.25">
      <c r="A73" s="7"/>
      <c r="B73" s="23" t="s">
        <v>684</v>
      </c>
      <c r="C73"/>
      <c r="D73" s="7" t="s">
        <v>5032</v>
      </c>
      <c r="E73" s="1"/>
      <c r="F73" s="23" t="s">
        <v>2307</v>
      </c>
      <c r="G73"/>
      <c r="H73"/>
      <c r="I73"/>
      <c r="J73"/>
    </row>
    <row r="74" spans="1:10" x14ac:dyDescent="0.25">
      <c r="A74" s="7"/>
      <c r="B74"/>
      <c r="C74" s="23" t="s">
        <v>684</v>
      </c>
      <c r="D74" s="23" t="s">
        <v>2241</v>
      </c>
      <c r="E74" s="1" t="str">
        <f t="shared" si="4"/>
        <v>http://www.sap.com/community/tag.html?id=01200615320800001423</v>
      </c>
      <c r="F74" s="23" t="s">
        <v>2308</v>
      </c>
      <c r="G74"/>
      <c r="H74"/>
      <c r="I74"/>
      <c r="J74"/>
    </row>
    <row r="75" spans="1:10" x14ac:dyDescent="0.25">
      <c r="A75" s="7"/>
      <c r="B75" s="23" t="s">
        <v>1884</v>
      </c>
      <c r="C75"/>
      <c r="D75" s="7" t="s">
        <v>5032</v>
      </c>
      <c r="E75" s="1"/>
      <c r="F75" s="23" t="s">
        <v>2309</v>
      </c>
      <c r="G75"/>
      <c r="H75"/>
      <c r="I75"/>
      <c r="J75"/>
    </row>
    <row r="76" spans="1:10" x14ac:dyDescent="0.25">
      <c r="A76" s="7"/>
      <c r="B76"/>
      <c r="C76" s="23" t="s">
        <v>1884</v>
      </c>
      <c r="D76" s="23" t="s">
        <v>2241</v>
      </c>
      <c r="E76" s="1" t="str">
        <f t="shared" si="4"/>
        <v>http://www.sap.com/community/tag.html?id=01200615320800001699</v>
      </c>
      <c r="F76" s="23" t="s">
        <v>2310</v>
      </c>
      <c r="G76"/>
      <c r="H76"/>
      <c r="I76"/>
      <c r="J76"/>
    </row>
    <row r="77" spans="1:10" x14ac:dyDescent="0.25">
      <c r="A77" s="7"/>
      <c r="B77" s="23" t="s">
        <v>644</v>
      </c>
      <c r="C77"/>
      <c r="D77" s="7" t="s">
        <v>5032</v>
      </c>
      <c r="E77" s="1"/>
      <c r="F77" s="23" t="s">
        <v>2311</v>
      </c>
      <c r="G77"/>
      <c r="H77"/>
      <c r="I77"/>
      <c r="J77"/>
    </row>
    <row r="78" spans="1:10" x14ac:dyDescent="0.25">
      <c r="A78" s="7"/>
      <c r="B78"/>
      <c r="C78" s="23" t="s">
        <v>644</v>
      </c>
      <c r="D78" s="23" t="s">
        <v>2241</v>
      </c>
      <c r="E78" s="1" t="str">
        <f t="shared" si="4"/>
        <v>http://www.sap.com/community/tag.html?id=01200615320800001693</v>
      </c>
      <c r="F78" s="23" t="s">
        <v>2312</v>
      </c>
      <c r="G78"/>
      <c r="H78"/>
      <c r="I78"/>
      <c r="J78"/>
    </row>
    <row r="79" spans="1:10" x14ac:dyDescent="0.25">
      <c r="A79" s="7"/>
      <c r="B79" s="23" t="s">
        <v>1318</v>
      </c>
      <c r="C79"/>
      <c r="D79" s="7" t="s">
        <v>5032</v>
      </c>
      <c r="E79" s="1"/>
      <c r="F79" s="23" t="s">
        <v>2313</v>
      </c>
      <c r="G79"/>
      <c r="H79"/>
      <c r="I79"/>
      <c r="J79"/>
    </row>
    <row r="80" spans="1:10" x14ac:dyDescent="0.25">
      <c r="A80" s="7"/>
      <c r="B80"/>
      <c r="C80" s="23" t="s">
        <v>1318</v>
      </c>
      <c r="D80" s="23" t="s">
        <v>2241</v>
      </c>
      <c r="E80" s="1" t="str">
        <f t="shared" si="4"/>
        <v>http://www.sap.com/community/tag.html?id=01200615320800001413</v>
      </c>
      <c r="F80" s="23" t="s">
        <v>2314</v>
      </c>
      <c r="G80"/>
      <c r="H80"/>
      <c r="I80"/>
      <c r="J80"/>
    </row>
    <row r="81" spans="1:10" x14ac:dyDescent="0.25">
      <c r="A81" s="7"/>
      <c r="B81" s="23" t="s">
        <v>1260</v>
      </c>
      <c r="C81"/>
      <c r="D81" s="7" t="s">
        <v>5032</v>
      </c>
      <c r="E81" s="1"/>
      <c r="F81" s="23" t="s">
        <v>2315</v>
      </c>
      <c r="G81"/>
      <c r="H81"/>
      <c r="I81"/>
      <c r="J81"/>
    </row>
    <row r="82" spans="1:10" x14ac:dyDescent="0.25">
      <c r="A82" s="7"/>
      <c r="B82"/>
      <c r="C82" s="23" t="s">
        <v>1260</v>
      </c>
      <c r="D82" s="23" t="s">
        <v>2241</v>
      </c>
      <c r="E82" s="1" t="str">
        <f t="shared" si="4"/>
        <v>http://www.sap.com/community/tag.html?id=01200615320800001756</v>
      </c>
      <c r="F82" s="23" t="s">
        <v>2316</v>
      </c>
      <c r="G82"/>
      <c r="H82"/>
      <c r="I82"/>
      <c r="J82"/>
    </row>
    <row r="83" spans="1:10" x14ac:dyDescent="0.25">
      <c r="A83" s="7"/>
      <c r="B83" s="23" t="s">
        <v>2086</v>
      </c>
      <c r="C83"/>
      <c r="D83" s="7" t="s">
        <v>5032</v>
      </c>
      <c r="E83" s="1"/>
      <c r="F83" s="23" t="s">
        <v>2317</v>
      </c>
      <c r="G83"/>
      <c r="H83"/>
      <c r="I83"/>
      <c r="J83"/>
    </row>
    <row r="84" spans="1:10" x14ac:dyDescent="0.25">
      <c r="A84" s="7"/>
      <c r="B84"/>
      <c r="C84" s="23" t="s">
        <v>2086</v>
      </c>
      <c r="D84" s="23" t="s">
        <v>2241</v>
      </c>
      <c r="E84" s="1" t="str">
        <f t="shared" si="4"/>
        <v>http://www.sap.com/community/tag.html?id=01200615320800001754</v>
      </c>
      <c r="F84" s="23" t="s">
        <v>2318</v>
      </c>
      <c r="G84"/>
      <c r="H84"/>
      <c r="I84"/>
      <c r="J84"/>
    </row>
    <row r="85" spans="1:10" x14ac:dyDescent="0.25">
      <c r="A85" s="7"/>
      <c r="B85" s="23" t="s">
        <v>1343</v>
      </c>
      <c r="C85"/>
      <c r="D85" s="7" t="s">
        <v>5032</v>
      </c>
      <c r="E85" s="1"/>
      <c r="F85" s="23" t="s">
        <v>2319</v>
      </c>
      <c r="G85"/>
      <c r="H85"/>
      <c r="I85"/>
      <c r="J85"/>
    </row>
    <row r="86" spans="1:10" x14ac:dyDescent="0.25">
      <c r="A86" s="7"/>
      <c r="B86"/>
      <c r="C86" s="23" t="s">
        <v>1343</v>
      </c>
      <c r="D86" s="23" t="s">
        <v>2241</v>
      </c>
      <c r="E86" s="1" t="str">
        <f t="shared" si="4"/>
        <v>http://www.sap.com/community/tag.html?id=01200615320800001749</v>
      </c>
      <c r="F86" s="23" t="s">
        <v>2320</v>
      </c>
      <c r="G86"/>
      <c r="H86"/>
      <c r="I86"/>
      <c r="J86"/>
    </row>
    <row r="87" spans="1:10" x14ac:dyDescent="0.25">
      <c r="A87" s="7"/>
      <c r="B87" s="23" t="s">
        <v>1330</v>
      </c>
      <c r="C87"/>
      <c r="D87" s="7" t="s">
        <v>5032</v>
      </c>
      <c r="E87" s="1"/>
      <c r="F87" s="23" t="s">
        <v>2321</v>
      </c>
      <c r="G87"/>
      <c r="H87"/>
      <c r="I87"/>
      <c r="J87"/>
    </row>
    <row r="88" spans="1:10" x14ac:dyDescent="0.25">
      <c r="A88" s="7"/>
      <c r="B88"/>
      <c r="C88" s="23" t="s">
        <v>1330</v>
      </c>
      <c r="D88" s="23" t="s">
        <v>2241</v>
      </c>
      <c r="E88" s="1" t="str">
        <f t="shared" si="4"/>
        <v>http://www.sap.com/community/tag.html?id=01200615320800001755</v>
      </c>
      <c r="F88" s="23" t="s">
        <v>2322</v>
      </c>
      <c r="G88"/>
      <c r="H88"/>
      <c r="I88"/>
      <c r="J88"/>
    </row>
    <row r="89" spans="1:10" x14ac:dyDescent="0.25">
      <c r="A89" s="7"/>
      <c r="B89" s="23" t="s">
        <v>192</v>
      </c>
      <c r="C89"/>
      <c r="D89" s="7" t="s">
        <v>5032</v>
      </c>
      <c r="E89" s="1"/>
      <c r="F89" s="23" t="s">
        <v>2323</v>
      </c>
      <c r="G89"/>
      <c r="H89"/>
      <c r="I89"/>
      <c r="J89"/>
    </row>
    <row r="90" spans="1:10" x14ac:dyDescent="0.25">
      <c r="A90" s="7"/>
      <c r="B90"/>
      <c r="C90" s="23" t="s">
        <v>192</v>
      </c>
      <c r="D90" s="23" t="s">
        <v>2241</v>
      </c>
      <c r="E90" s="1" t="str">
        <f t="shared" si="4"/>
        <v>http://www.sap.com/community/tag.html?id=01200615320800001752</v>
      </c>
      <c r="F90" s="23" t="s">
        <v>2324</v>
      </c>
      <c r="G90"/>
      <c r="H90"/>
      <c r="I90"/>
      <c r="J90"/>
    </row>
    <row r="91" spans="1:10" x14ac:dyDescent="0.25">
      <c r="A91" s="7"/>
      <c r="B91" s="23" t="s">
        <v>1983</v>
      </c>
      <c r="C91"/>
      <c r="D91" s="7" t="s">
        <v>5032</v>
      </c>
      <c r="E91" s="1"/>
      <c r="F91" s="23" t="s">
        <v>2325</v>
      </c>
      <c r="G91"/>
      <c r="H91"/>
      <c r="I91"/>
      <c r="J91"/>
    </row>
    <row r="92" spans="1:10" x14ac:dyDescent="0.25">
      <c r="A92" s="7"/>
      <c r="B92"/>
      <c r="C92" s="23" t="s">
        <v>1983</v>
      </c>
      <c r="D92" s="23" t="s">
        <v>2241</v>
      </c>
      <c r="E92" s="1" t="str">
        <f t="shared" si="4"/>
        <v>http://www.sap.com/community/tag.html?id=01200615320800001747</v>
      </c>
      <c r="F92" s="23" t="s">
        <v>2326</v>
      </c>
      <c r="G92"/>
      <c r="H92"/>
      <c r="I92"/>
      <c r="J92"/>
    </row>
    <row r="93" spans="1:10" x14ac:dyDescent="0.25">
      <c r="A93" s="7"/>
      <c r="B93" s="23" t="s">
        <v>1306</v>
      </c>
      <c r="C93"/>
      <c r="D93" s="7" t="s">
        <v>5032</v>
      </c>
      <c r="E93" s="1"/>
      <c r="F93" s="23" t="s">
        <v>2327</v>
      </c>
      <c r="G93"/>
      <c r="H93"/>
      <c r="I93"/>
      <c r="J93"/>
    </row>
    <row r="94" spans="1:10" x14ac:dyDescent="0.25">
      <c r="A94" s="7"/>
      <c r="B94"/>
      <c r="C94" s="23" t="s">
        <v>1306</v>
      </c>
      <c r="D94" s="23" t="s">
        <v>2241</v>
      </c>
      <c r="E94" s="1" t="str">
        <f t="shared" si="4"/>
        <v>http://www.sap.com/community/tag.html?id=01200615320800001411</v>
      </c>
      <c r="F94" s="23" t="s">
        <v>2328</v>
      </c>
      <c r="G94"/>
      <c r="H94"/>
      <c r="I94"/>
      <c r="J94"/>
    </row>
    <row r="95" spans="1:10" x14ac:dyDescent="0.25">
      <c r="A95" s="7"/>
      <c r="B95" s="23" t="s">
        <v>1284</v>
      </c>
      <c r="C95"/>
      <c r="D95" s="7" t="s">
        <v>5032</v>
      </c>
      <c r="E95" s="1"/>
      <c r="F95" s="23" t="s">
        <v>2329</v>
      </c>
      <c r="G95"/>
      <c r="H95"/>
      <c r="I95"/>
      <c r="J95"/>
    </row>
    <row r="96" spans="1:10" x14ac:dyDescent="0.25">
      <c r="A96" s="7"/>
      <c r="B96"/>
      <c r="C96" s="23" t="s">
        <v>1284</v>
      </c>
      <c r="D96" s="23" t="s">
        <v>2241</v>
      </c>
      <c r="E96" s="1" t="str">
        <f t="shared" si="4"/>
        <v>http://www.sap.com/community/tag.html?id=01200615320800001737</v>
      </c>
      <c r="F96" s="23" t="s">
        <v>2330</v>
      </c>
      <c r="G96"/>
      <c r="H96"/>
      <c r="I96"/>
      <c r="J96"/>
    </row>
    <row r="97" spans="1:10" x14ac:dyDescent="0.25">
      <c r="A97" s="7"/>
      <c r="B97"/>
      <c r="C97" s="23" t="s">
        <v>357</v>
      </c>
      <c r="D97" s="23" t="s">
        <v>2241</v>
      </c>
      <c r="E97" s="1" t="str">
        <f t="shared" si="4"/>
        <v>http://www.sap.com/community/tag.html?id=01200314690800001047</v>
      </c>
      <c r="F97" s="23" t="s">
        <v>2331</v>
      </c>
      <c r="G97"/>
      <c r="H97"/>
      <c r="I97"/>
      <c r="J97"/>
    </row>
    <row r="98" spans="1:10" x14ac:dyDescent="0.25">
      <c r="A98" s="7"/>
      <c r="B98" s="23" t="s">
        <v>1831</v>
      </c>
      <c r="C98"/>
      <c r="D98" s="7" t="s">
        <v>5032</v>
      </c>
      <c r="E98" s="1"/>
      <c r="F98" s="23" t="s">
        <v>2332</v>
      </c>
      <c r="G98"/>
      <c r="H98"/>
      <c r="I98"/>
      <c r="J98"/>
    </row>
    <row r="99" spans="1:10" x14ac:dyDescent="0.25">
      <c r="A99" s="7"/>
      <c r="B99"/>
      <c r="C99" s="23" t="s">
        <v>1831</v>
      </c>
      <c r="D99" s="23" t="s">
        <v>2241</v>
      </c>
      <c r="E99" s="1" t="str">
        <f t="shared" si="4"/>
        <v>http://www.sap.com/community/tag.html?id=01200615320800001750</v>
      </c>
      <c r="F99" s="23" t="s">
        <v>2333</v>
      </c>
      <c r="G99"/>
      <c r="H99"/>
      <c r="I99"/>
      <c r="J99"/>
    </row>
    <row r="100" spans="1:10" x14ac:dyDescent="0.25">
      <c r="A100" s="7"/>
      <c r="B100" s="23" t="s">
        <v>864</v>
      </c>
      <c r="C100"/>
      <c r="D100" s="7" t="s">
        <v>5032</v>
      </c>
      <c r="E100" s="1"/>
      <c r="F100" s="23" t="s">
        <v>2334</v>
      </c>
      <c r="G100"/>
      <c r="H100"/>
      <c r="I100"/>
      <c r="J100"/>
    </row>
    <row r="101" spans="1:10" x14ac:dyDescent="0.25">
      <c r="A101" s="7"/>
      <c r="B101"/>
      <c r="C101" s="23" t="s">
        <v>864</v>
      </c>
      <c r="D101" s="23" t="s">
        <v>2241</v>
      </c>
      <c r="E101" s="1" t="str">
        <f t="shared" si="4"/>
        <v>http://www.sap.com/community/tag.html?id=01200615320800001738</v>
      </c>
      <c r="F101" s="23" t="s">
        <v>2335</v>
      </c>
      <c r="G101"/>
      <c r="H101"/>
      <c r="I101"/>
      <c r="J101"/>
    </row>
    <row r="102" spans="1:10" x14ac:dyDescent="0.25">
      <c r="A102" s="7"/>
      <c r="B102" s="23" t="s">
        <v>319</v>
      </c>
      <c r="C102"/>
      <c r="D102" s="7" t="s">
        <v>5032</v>
      </c>
      <c r="E102" s="1"/>
      <c r="F102" s="23" t="s">
        <v>2336</v>
      </c>
      <c r="G102"/>
      <c r="H102"/>
      <c r="I102"/>
      <c r="J102"/>
    </row>
    <row r="103" spans="1:10" x14ac:dyDescent="0.25">
      <c r="A103" s="7"/>
      <c r="B103"/>
      <c r="C103" s="23" t="s">
        <v>319</v>
      </c>
      <c r="D103" s="23" t="s">
        <v>2241</v>
      </c>
      <c r="E103" s="1" t="str">
        <f t="shared" si="4"/>
        <v>http://www.sap.com/community/tag.html?id=67838200100800006448</v>
      </c>
      <c r="F103" s="23" t="s">
        <v>2337</v>
      </c>
      <c r="G103"/>
      <c r="H103"/>
      <c r="I103"/>
      <c r="J103"/>
    </row>
    <row r="104" spans="1:10" x14ac:dyDescent="0.25">
      <c r="A104" s="7"/>
      <c r="B104"/>
      <c r="C104" s="23" t="s">
        <v>1298</v>
      </c>
      <c r="D104" s="23" t="s">
        <v>2241</v>
      </c>
      <c r="E104" s="1" t="str">
        <f t="shared" si="4"/>
        <v>http://www.sap.com/community/tag.html?id=67838200100800006387</v>
      </c>
      <c r="F104" s="23" t="s">
        <v>2338</v>
      </c>
      <c r="G104"/>
      <c r="H104"/>
      <c r="I104"/>
      <c r="J104"/>
    </row>
    <row r="105" spans="1:10" x14ac:dyDescent="0.25">
      <c r="A105" s="7"/>
      <c r="B105" s="23" t="s">
        <v>560</v>
      </c>
      <c r="C105"/>
      <c r="D105" s="7" t="s">
        <v>5032</v>
      </c>
      <c r="E105" s="1"/>
      <c r="F105" s="23" t="s">
        <v>2339</v>
      </c>
      <c r="G105"/>
      <c r="H105"/>
      <c r="I105"/>
      <c r="J105"/>
    </row>
    <row r="106" spans="1:10" x14ac:dyDescent="0.25">
      <c r="A106" s="7"/>
      <c r="B106"/>
      <c r="C106" s="23" t="s">
        <v>560</v>
      </c>
      <c r="D106" s="23" t="s">
        <v>2241</v>
      </c>
      <c r="E106" s="1" t="str">
        <f t="shared" si="4"/>
        <v>http://www.sap.com/community/tag.html?id=01200615320800000796</v>
      </c>
      <c r="F106" s="23" t="s">
        <v>2340</v>
      </c>
      <c r="G106"/>
      <c r="H106"/>
      <c r="I106"/>
      <c r="J106"/>
    </row>
    <row r="107" spans="1:10" x14ac:dyDescent="0.25">
      <c r="A107" s="7"/>
      <c r="B107"/>
      <c r="C107" s="23" t="s">
        <v>5033</v>
      </c>
      <c r="D107" s="23" t="s">
        <v>2241</v>
      </c>
      <c r="E107" s="1" t="str">
        <f t="shared" si="4"/>
        <v>http://www.sap.com/community/tag.html?id=73554900100800000773</v>
      </c>
      <c r="F107" s="23" t="s">
        <v>5084</v>
      </c>
      <c r="G107"/>
      <c r="H107"/>
      <c r="I107"/>
      <c r="J107"/>
    </row>
    <row r="108" spans="1:10" x14ac:dyDescent="0.25">
      <c r="A108" s="7"/>
      <c r="B108"/>
      <c r="C108" s="23" t="s">
        <v>153</v>
      </c>
      <c r="D108" s="23" t="s">
        <v>2241</v>
      </c>
      <c r="E108" s="1" t="str">
        <f t="shared" si="4"/>
        <v>http://www.sap.com/community/tag.html?id=01200314690800000192</v>
      </c>
      <c r="F108" s="23" t="s">
        <v>2341</v>
      </c>
      <c r="G108"/>
      <c r="H108"/>
      <c r="I108"/>
      <c r="J108"/>
    </row>
    <row r="109" spans="1:10" x14ac:dyDescent="0.25">
      <c r="A109" s="7"/>
      <c r="B109"/>
      <c r="C109" s="23" t="s">
        <v>1051</v>
      </c>
      <c r="D109" s="23" t="s">
        <v>2241</v>
      </c>
      <c r="E109" s="1" t="str">
        <f t="shared" si="4"/>
        <v>http://www.sap.com/community/tag.html?id=01200615320800000672</v>
      </c>
      <c r="F109" s="23" t="s">
        <v>2342</v>
      </c>
      <c r="G109"/>
      <c r="H109"/>
      <c r="I109"/>
      <c r="J109"/>
    </row>
    <row r="110" spans="1:10" x14ac:dyDescent="0.25">
      <c r="A110" s="7"/>
      <c r="B110"/>
      <c r="C110" s="23" t="s">
        <v>621</v>
      </c>
      <c r="D110" s="23" t="s">
        <v>2241</v>
      </c>
      <c r="E110" s="1" t="str">
        <f t="shared" si="4"/>
        <v>http://www.sap.com/community/tag.html?id=01200314690800000195</v>
      </c>
      <c r="F110" s="23" t="s">
        <v>2343</v>
      </c>
      <c r="G110"/>
      <c r="H110"/>
      <c r="I110"/>
      <c r="J110"/>
    </row>
    <row r="111" spans="1:10" x14ac:dyDescent="0.25">
      <c r="A111" s="7"/>
      <c r="B111"/>
      <c r="C111" s="23" t="s">
        <v>1655</v>
      </c>
      <c r="D111" s="23" t="s">
        <v>2241</v>
      </c>
      <c r="E111" s="1" t="str">
        <f t="shared" si="4"/>
        <v>http://www.sap.com/community/tag.html?id=01200314690800000196</v>
      </c>
      <c r="F111" s="23" t="s">
        <v>2344</v>
      </c>
      <c r="G111"/>
      <c r="H111"/>
      <c r="I111"/>
      <c r="J111"/>
    </row>
    <row r="112" spans="1:10" x14ac:dyDescent="0.25">
      <c r="A112" s="7"/>
      <c r="B112" s="23" t="s">
        <v>1385</v>
      </c>
      <c r="C112"/>
      <c r="D112" s="7" t="s">
        <v>5032</v>
      </c>
      <c r="E112" s="1"/>
      <c r="F112" s="23" t="s">
        <v>2345</v>
      </c>
      <c r="G112"/>
      <c r="H112"/>
      <c r="I112"/>
      <c r="J112"/>
    </row>
    <row r="113" spans="1:10" x14ac:dyDescent="0.25">
      <c r="A113" s="7"/>
      <c r="B113"/>
      <c r="C113" s="23" t="s">
        <v>1385</v>
      </c>
      <c r="D113" s="23" t="s">
        <v>2241</v>
      </c>
      <c r="E113" s="1" t="str">
        <f t="shared" si="4"/>
        <v>http://www.sap.com/community/tag.html?id=67838200100800006760</v>
      </c>
      <c r="F113" s="23" t="s">
        <v>2346</v>
      </c>
      <c r="G113"/>
      <c r="H113"/>
      <c r="I113"/>
      <c r="J113"/>
    </row>
    <row r="114" spans="1:10" x14ac:dyDescent="0.25">
      <c r="A114" s="7"/>
      <c r="B114" s="23"/>
      <c r="C114" t="s">
        <v>5413</v>
      </c>
      <c r="D114" s="23" t="s">
        <v>2241</v>
      </c>
      <c r="E114" s="1" t="str">
        <f t="shared" si="4"/>
        <v>http://www.sap.com/community/tag.html?id=73555000100800000382</v>
      </c>
      <c r="F114" s="23" t="s">
        <v>5412</v>
      </c>
      <c r="G114"/>
      <c r="H114"/>
      <c r="I114"/>
      <c r="J114"/>
    </row>
    <row r="115" spans="1:10" x14ac:dyDescent="0.25">
      <c r="A115" s="7"/>
      <c r="B115"/>
      <c r="C115" s="23" t="s">
        <v>5415</v>
      </c>
      <c r="D115" s="23" t="s">
        <v>2241</v>
      </c>
      <c r="E115" s="1" t="str">
        <f t="shared" si="4"/>
        <v>http://www.sap.com/community/tag.html?id=73555000100800000381</v>
      </c>
      <c r="F115" s="23" t="s">
        <v>5414</v>
      </c>
      <c r="G115"/>
      <c r="H115"/>
      <c r="I115"/>
      <c r="J115"/>
    </row>
    <row r="116" spans="1:10" x14ac:dyDescent="0.25">
      <c r="A116" s="7"/>
      <c r="B116" t="s">
        <v>694</v>
      </c>
      <c r="C116" s="23"/>
      <c r="D116" s="7" t="s">
        <v>5032</v>
      </c>
      <c r="E116" s="1"/>
      <c r="F116" s="23" t="s">
        <v>2347</v>
      </c>
      <c r="G116"/>
      <c r="H116"/>
      <c r="I116"/>
      <c r="J116"/>
    </row>
    <row r="117" spans="1:10" x14ac:dyDescent="0.25">
      <c r="A117" s="7"/>
      <c r="B117" s="23"/>
      <c r="C117" t="s">
        <v>694</v>
      </c>
      <c r="D117" s="23" t="s">
        <v>2241</v>
      </c>
      <c r="E117" s="1" t="str">
        <f t="shared" si="4"/>
        <v>http://www.sap.com/community/tag.html?id=01200314690800003391</v>
      </c>
      <c r="F117" s="23" t="s">
        <v>2348</v>
      </c>
      <c r="G117"/>
      <c r="H117"/>
      <c r="I117"/>
      <c r="J117"/>
    </row>
    <row r="118" spans="1:10" x14ac:dyDescent="0.25">
      <c r="A118" s="7"/>
      <c r="B118"/>
      <c r="C118" s="23" t="s">
        <v>5034</v>
      </c>
      <c r="D118" s="23" t="s">
        <v>2241</v>
      </c>
      <c r="E118" s="1" t="str">
        <f t="shared" si="4"/>
        <v>http://www.sap.com/community/tag.html?id=73555000100800000449</v>
      </c>
      <c r="F118" s="23" t="s">
        <v>5085</v>
      </c>
      <c r="G118"/>
      <c r="H118"/>
      <c r="I118"/>
      <c r="J118"/>
    </row>
    <row r="119" spans="1:10" x14ac:dyDescent="0.25">
      <c r="A119" s="7"/>
      <c r="B119" s="23" t="s">
        <v>1603</v>
      </c>
      <c r="C119"/>
      <c r="D119" s="7" t="s">
        <v>5032</v>
      </c>
      <c r="E119" s="1"/>
      <c r="F119" s="23" t="s">
        <v>2349</v>
      </c>
      <c r="G119"/>
      <c r="H119"/>
      <c r="I119"/>
      <c r="J119"/>
    </row>
    <row r="120" spans="1:10" x14ac:dyDescent="0.25">
      <c r="A120" s="7"/>
      <c r="B120"/>
      <c r="C120" s="23" t="s">
        <v>5373</v>
      </c>
      <c r="D120" s="23" t="s">
        <v>2241</v>
      </c>
      <c r="E120" s="1" t="str">
        <f t="shared" si="4"/>
        <v>http://www.sap.com/community/tag.html?id=01200615320800002846</v>
      </c>
      <c r="F120" s="23" t="s">
        <v>2350</v>
      </c>
      <c r="G120"/>
      <c r="H120"/>
      <c r="I120"/>
      <c r="J120"/>
    </row>
    <row r="121" spans="1:10" x14ac:dyDescent="0.25">
      <c r="A121" s="7"/>
      <c r="B121" t="s">
        <v>446</v>
      </c>
      <c r="C121" s="23"/>
      <c r="D121" s="7" t="s">
        <v>5032</v>
      </c>
      <c r="E121" s="1"/>
      <c r="F121" s="23" t="s">
        <v>2351</v>
      </c>
      <c r="G121"/>
      <c r="H121"/>
      <c r="I121"/>
      <c r="J121"/>
    </row>
    <row r="122" spans="1:10" x14ac:dyDescent="0.25">
      <c r="A122" s="7"/>
      <c r="B122"/>
      <c r="C122" s="23" t="s">
        <v>230</v>
      </c>
      <c r="D122" s="23" t="s">
        <v>2241</v>
      </c>
      <c r="E122" s="1" t="str">
        <f t="shared" si="4"/>
        <v>http://www.sap.com/community/tag.html?id=01200314690800003105</v>
      </c>
      <c r="F122" s="23" t="s">
        <v>2352</v>
      </c>
      <c r="G122"/>
      <c r="H122"/>
      <c r="I122"/>
      <c r="J122"/>
    </row>
    <row r="123" spans="1:10" x14ac:dyDescent="0.25">
      <c r="A123" s="7"/>
      <c r="B123"/>
      <c r="C123" s="23" t="s">
        <v>190</v>
      </c>
      <c r="D123" s="23" t="s">
        <v>2241</v>
      </c>
      <c r="E123" s="1" t="str">
        <f t="shared" si="4"/>
        <v>http://www.sap.com/community/tag.html?id=01200314690800000352</v>
      </c>
      <c r="F123" s="23" t="s">
        <v>2353</v>
      </c>
      <c r="G123"/>
      <c r="H123"/>
      <c r="I123"/>
      <c r="J123"/>
    </row>
    <row r="124" spans="1:10" x14ac:dyDescent="0.25">
      <c r="A124" s="7"/>
      <c r="B124"/>
      <c r="C124" s="23" t="s">
        <v>1779</v>
      </c>
      <c r="D124" s="23" t="s">
        <v>2241</v>
      </c>
      <c r="E124" s="1" t="str">
        <f t="shared" si="4"/>
        <v>http://www.sap.com/community/tag.html?id=01200615320800002287</v>
      </c>
      <c r="F124" s="23" t="s">
        <v>2354</v>
      </c>
      <c r="G124"/>
      <c r="H124"/>
      <c r="I124"/>
      <c r="J124"/>
    </row>
    <row r="125" spans="1:10" x14ac:dyDescent="0.25">
      <c r="A125" s="7"/>
      <c r="B125"/>
      <c r="C125" s="23" t="s">
        <v>1377</v>
      </c>
      <c r="D125" s="23" t="s">
        <v>2241</v>
      </c>
      <c r="E125" s="1" t="str">
        <f t="shared" si="4"/>
        <v>http://www.sap.com/community/tag.html?id=01200314690800000850</v>
      </c>
      <c r="F125" s="23" t="s">
        <v>2355</v>
      </c>
      <c r="G125"/>
      <c r="H125"/>
      <c r="I125"/>
      <c r="J125"/>
    </row>
    <row r="126" spans="1:10" x14ac:dyDescent="0.25">
      <c r="A126" s="7"/>
      <c r="B126"/>
      <c r="C126" s="23" t="s">
        <v>1094</v>
      </c>
      <c r="D126" s="23" t="s">
        <v>2241</v>
      </c>
      <c r="E126" s="1" t="str">
        <f t="shared" si="4"/>
        <v>http://www.sap.com/community/tag.html?id=01200314690800000851</v>
      </c>
      <c r="F126" s="23" t="s">
        <v>2356</v>
      </c>
      <c r="G126"/>
      <c r="H126"/>
      <c r="I126"/>
      <c r="J126"/>
    </row>
    <row r="127" spans="1:10" x14ac:dyDescent="0.25">
      <c r="A127" s="7"/>
      <c r="B127"/>
      <c r="C127" s="23" t="s">
        <v>885</v>
      </c>
      <c r="D127" s="23" t="s">
        <v>2241</v>
      </c>
      <c r="E127" s="1" t="str">
        <f t="shared" si="4"/>
        <v>http://www.sap.com/community/tag.html?id=01200314690800000809</v>
      </c>
      <c r="F127" s="23" t="s">
        <v>2357</v>
      </c>
      <c r="G127"/>
      <c r="H127"/>
      <c r="I127"/>
      <c r="J127"/>
    </row>
    <row r="128" spans="1:10" x14ac:dyDescent="0.25">
      <c r="A128" s="7"/>
      <c r="B128"/>
      <c r="C128" s="23" t="s">
        <v>2075</v>
      </c>
      <c r="D128" s="23" t="s">
        <v>2241</v>
      </c>
      <c r="E128" s="1" t="str">
        <f t="shared" si="4"/>
        <v>http://www.sap.com/community/tag.html?id=01200314690800000537</v>
      </c>
      <c r="F128" s="23" t="s">
        <v>2358</v>
      </c>
      <c r="G128"/>
      <c r="H128"/>
      <c r="I128"/>
      <c r="J128"/>
    </row>
    <row r="129" spans="1:10" x14ac:dyDescent="0.25">
      <c r="A129" s="7"/>
      <c r="B129"/>
      <c r="C129" s="23" t="s">
        <v>310</v>
      </c>
      <c r="D129" s="23" t="s">
        <v>2241</v>
      </c>
      <c r="E129" s="1" t="str">
        <f t="shared" si="4"/>
        <v>http://www.sap.com/community/tag.html?id=73554900100800000214</v>
      </c>
      <c r="F129" s="23" t="s">
        <v>2359</v>
      </c>
      <c r="G129"/>
      <c r="H129"/>
      <c r="I129"/>
      <c r="J129"/>
    </row>
    <row r="130" spans="1:10" x14ac:dyDescent="0.25">
      <c r="A130" s="7"/>
      <c r="B130"/>
      <c r="C130" s="23" t="s">
        <v>1797</v>
      </c>
      <c r="D130" s="23" t="s">
        <v>2241</v>
      </c>
      <c r="E130" s="1" t="str">
        <f t="shared" si="4"/>
        <v>http://www.sap.com/community/tag.html?id=01200615320800001237</v>
      </c>
      <c r="F130" s="23" t="s">
        <v>2360</v>
      </c>
      <c r="G130"/>
      <c r="H130"/>
      <c r="I130"/>
      <c r="J130"/>
    </row>
    <row r="131" spans="1:10" x14ac:dyDescent="0.25">
      <c r="A131" s="7"/>
      <c r="B131"/>
      <c r="C131" s="23" t="s">
        <v>1818</v>
      </c>
      <c r="D131" s="23" t="s">
        <v>2241</v>
      </c>
      <c r="E131" s="1" t="str">
        <f t="shared" si="4"/>
        <v>http://www.sap.com/community/tag.html?id=01200615320800001227</v>
      </c>
      <c r="F131" s="23" t="s">
        <v>2361</v>
      </c>
      <c r="G131"/>
      <c r="H131"/>
      <c r="I131"/>
      <c r="J131"/>
    </row>
    <row r="132" spans="1:10" x14ac:dyDescent="0.25">
      <c r="A132" s="7"/>
      <c r="B132"/>
      <c r="C132" s="23" t="s">
        <v>1519</v>
      </c>
      <c r="D132" s="23" t="s">
        <v>2241</v>
      </c>
      <c r="E132" s="1" t="str">
        <f t="shared" ref="E132:E154" si="5" xml:space="preserve"> HYPERLINK(CONCATENATE("http://www.sap.com/community/tag.html?id=",$F132))</f>
        <v>http://www.sap.com/community/tag.html?id=01200615320800001261</v>
      </c>
      <c r="F132" s="23" t="s">
        <v>2362</v>
      </c>
      <c r="G132"/>
      <c r="H132"/>
      <c r="I132"/>
      <c r="J132"/>
    </row>
    <row r="133" spans="1:10" x14ac:dyDescent="0.25">
      <c r="A133" s="7"/>
      <c r="B133"/>
      <c r="C133" s="23" t="s">
        <v>351</v>
      </c>
      <c r="D133" s="23" t="s">
        <v>2241</v>
      </c>
      <c r="E133" s="1" t="str">
        <f t="shared" si="5"/>
        <v>http://www.sap.com/community/tag.html?id=01200314690800000337</v>
      </c>
      <c r="F133" s="23" t="s">
        <v>2363</v>
      </c>
      <c r="G133"/>
      <c r="H133"/>
      <c r="I133"/>
      <c r="J133"/>
    </row>
    <row r="134" spans="1:10" x14ac:dyDescent="0.25">
      <c r="A134" s="7"/>
      <c r="B134"/>
      <c r="C134" s="23" t="s">
        <v>1898</v>
      </c>
      <c r="D134" s="23" t="s">
        <v>2241</v>
      </c>
      <c r="E134" s="1" t="str">
        <f t="shared" si="5"/>
        <v>http://www.sap.com/community/tag.html?id=67838200100800004729</v>
      </c>
      <c r="F134" s="23" t="s">
        <v>2364</v>
      </c>
      <c r="G134"/>
      <c r="H134"/>
      <c r="I134"/>
      <c r="J134"/>
    </row>
    <row r="135" spans="1:10" x14ac:dyDescent="0.25">
      <c r="A135" s="7"/>
      <c r="B135"/>
      <c r="C135" s="23" t="s">
        <v>785</v>
      </c>
      <c r="D135" s="23" t="s">
        <v>2241</v>
      </c>
      <c r="E135" s="1" t="str">
        <f t="shared" si="5"/>
        <v>http://www.sap.com/community/tag.html?id=01200314690800000351</v>
      </c>
      <c r="F135" s="23" t="s">
        <v>2365</v>
      </c>
      <c r="G135"/>
      <c r="H135"/>
      <c r="I135"/>
      <c r="J135"/>
    </row>
    <row r="136" spans="1:10" x14ac:dyDescent="0.25">
      <c r="A136" s="7"/>
      <c r="B136"/>
      <c r="C136" s="23" t="s">
        <v>458</v>
      </c>
      <c r="D136" s="23" t="s">
        <v>2241</v>
      </c>
      <c r="E136" s="1" t="str">
        <f t="shared" si="5"/>
        <v>http://www.sap.com/community/tag.html?id=01200615320800001230</v>
      </c>
      <c r="F136" s="23" t="s">
        <v>2366</v>
      </c>
      <c r="G136"/>
      <c r="H136"/>
      <c r="I136"/>
      <c r="J136"/>
    </row>
    <row r="137" spans="1:10" x14ac:dyDescent="0.25">
      <c r="A137" s="7"/>
      <c r="B137"/>
      <c r="C137" s="23" t="s">
        <v>2025</v>
      </c>
      <c r="D137" s="23" t="s">
        <v>2241</v>
      </c>
      <c r="E137" s="1" t="str">
        <f t="shared" si="5"/>
        <v>http://www.sap.com/community/tag.html?id=01200615320800001229</v>
      </c>
      <c r="F137" s="23" t="s">
        <v>2367</v>
      </c>
      <c r="G137"/>
      <c r="H137"/>
      <c r="I137"/>
      <c r="J137"/>
    </row>
    <row r="138" spans="1:10" x14ac:dyDescent="0.25">
      <c r="A138" s="7"/>
      <c r="B138"/>
      <c r="C138" s="23" t="s">
        <v>1066</v>
      </c>
      <c r="D138" s="23" t="s">
        <v>2241</v>
      </c>
      <c r="E138" s="1" t="str">
        <f t="shared" si="5"/>
        <v>http://www.sap.com/community/tag.html?id=01200314690800001521</v>
      </c>
      <c r="F138" s="23" t="s">
        <v>2368</v>
      </c>
      <c r="G138"/>
      <c r="H138"/>
      <c r="I138"/>
      <c r="J138"/>
    </row>
    <row r="139" spans="1:10" x14ac:dyDescent="0.25">
      <c r="A139" s="7"/>
      <c r="B139"/>
      <c r="C139" s="23" t="s">
        <v>232</v>
      </c>
      <c r="D139" s="23" t="s">
        <v>2241</v>
      </c>
      <c r="E139" s="1" t="str">
        <f t="shared" si="5"/>
        <v>http://www.sap.com/community/tag.html?id=67838200100800004069</v>
      </c>
      <c r="F139" s="23" t="s">
        <v>2369</v>
      </c>
      <c r="G139"/>
      <c r="H139"/>
      <c r="I139"/>
      <c r="J139"/>
    </row>
    <row r="140" spans="1:10" x14ac:dyDescent="0.25">
      <c r="A140" s="7"/>
      <c r="B140"/>
      <c r="C140" s="23" t="s">
        <v>283</v>
      </c>
      <c r="D140" s="23" t="s">
        <v>2241</v>
      </c>
      <c r="E140" s="1" t="str">
        <f t="shared" si="5"/>
        <v>http://www.sap.com/community/tag.html?id=01200615320800001321</v>
      </c>
      <c r="F140" s="23" t="s">
        <v>2370</v>
      </c>
      <c r="G140"/>
      <c r="H140"/>
      <c r="I140"/>
      <c r="J140"/>
    </row>
    <row r="141" spans="1:10" x14ac:dyDescent="0.25">
      <c r="A141" s="7"/>
      <c r="B141"/>
      <c r="C141" s="23" t="s">
        <v>136</v>
      </c>
      <c r="D141" s="23" t="s">
        <v>2241</v>
      </c>
      <c r="E141" s="1" t="str">
        <f t="shared" si="5"/>
        <v>http://www.sap.com/community/tag.html?id=01200615320800001322</v>
      </c>
      <c r="F141" s="23" t="s">
        <v>2371</v>
      </c>
      <c r="G141"/>
      <c r="H141"/>
      <c r="I141"/>
      <c r="J141"/>
    </row>
    <row r="142" spans="1:10" x14ac:dyDescent="0.25">
      <c r="A142" s="7"/>
      <c r="B142"/>
      <c r="C142" s="23" t="s">
        <v>418</v>
      </c>
      <c r="D142" s="23" t="s">
        <v>2241</v>
      </c>
      <c r="E142" s="1" t="str">
        <f t="shared" si="5"/>
        <v>http://www.sap.com/community/tag.html?id=01200314690800001037</v>
      </c>
      <c r="F142" s="23" t="s">
        <v>2372</v>
      </c>
      <c r="G142"/>
      <c r="H142"/>
      <c r="I142"/>
      <c r="J142"/>
    </row>
    <row r="143" spans="1:10" x14ac:dyDescent="0.25">
      <c r="A143" s="7"/>
      <c r="B143"/>
      <c r="C143" s="23" t="s">
        <v>2164</v>
      </c>
      <c r="D143" s="23" t="s">
        <v>2241</v>
      </c>
      <c r="E143" s="1" t="str">
        <f t="shared" si="5"/>
        <v>http://www.sap.com/community/tag.html?id=01200314690800001522</v>
      </c>
      <c r="F143" s="23" t="s">
        <v>2373</v>
      </c>
      <c r="G143"/>
      <c r="H143"/>
      <c r="I143"/>
      <c r="J143"/>
    </row>
    <row r="144" spans="1:10" x14ac:dyDescent="0.25">
      <c r="A144" s="7"/>
      <c r="B144"/>
      <c r="C144" s="23" t="s">
        <v>1309</v>
      </c>
      <c r="D144" s="23" t="s">
        <v>2241</v>
      </c>
      <c r="E144" s="1" t="str">
        <f t="shared" si="5"/>
        <v>http://www.sap.com/community/tag.html?id=01200314690800001027</v>
      </c>
      <c r="F144" s="23" t="s">
        <v>2374</v>
      </c>
      <c r="G144"/>
      <c r="H144"/>
      <c r="I144"/>
      <c r="J144"/>
    </row>
    <row r="145" spans="1:10" x14ac:dyDescent="0.25">
      <c r="A145" s="7"/>
      <c r="B145"/>
      <c r="C145" s="23" t="s">
        <v>743</v>
      </c>
      <c r="D145" s="23" t="s">
        <v>2241</v>
      </c>
      <c r="E145" s="1" t="str">
        <f t="shared" si="5"/>
        <v>http://www.sap.com/community/tag.html?id=01200615320800001323</v>
      </c>
      <c r="F145" s="23" t="s">
        <v>2375</v>
      </c>
      <c r="G145"/>
      <c r="H145"/>
      <c r="I145"/>
      <c r="J145"/>
    </row>
    <row r="146" spans="1:10" x14ac:dyDescent="0.25">
      <c r="A146" s="7"/>
      <c r="B146"/>
      <c r="C146" s="23" t="s">
        <v>1132</v>
      </c>
      <c r="D146" s="23" t="s">
        <v>2241</v>
      </c>
      <c r="E146" s="1" t="str">
        <f t="shared" si="5"/>
        <v>http://www.sap.com/community/tag.html?id=01200314690800000869</v>
      </c>
      <c r="F146" s="23" t="s">
        <v>2376</v>
      </c>
      <c r="G146"/>
      <c r="H146"/>
      <c r="I146"/>
      <c r="J146"/>
    </row>
    <row r="147" spans="1:10" x14ac:dyDescent="0.25">
      <c r="A147" s="7"/>
      <c r="B147"/>
      <c r="C147" s="23" t="s">
        <v>1488</v>
      </c>
      <c r="D147" s="23" t="s">
        <v>2241</v>
      </c>
      <c r="E147" s="1" t="str">
        <f t="shared" si="5"/>
        <v>http://www.sap.com/community/tag.html?id=01200314690800000338</v>
      </c>
      <c r="F147" s="23" t="s">
        <v>2377</v>
      </c>
      <c r="G147"/>
      <c r="H147"/>
      <c r="I147"/>
      <c r="J147"/>
    </row>
    <row r="148" spans="1:10" x14ac:dyDescent="0.25">
      <c r="A148" s="7"/>
      <c r="B148"/>
      <c r="C148" s="23" t="s">
        <v>814</v>
      </c>
      <c r="D148" s="23" t="s">
        <v>2241</v>
      </c>
      <c r="E148" s="1" t="str">
        <f t="shared" si="5"/>
        <v>http://www.sap.com/community/tag.html?id=01200615320800001422</v>
      </c>
      <c r="F148" s="23" t="s">
        <v>2378</v>
      </c>
      <c r="G148"/>
      <c r="H148"/>
      <c r="I148"/>
      <c r="J148"/>
    </row>
    <row r="149" spans="1:10" x14ac:dyDescent="0.25">
      <c r="A149" s="7"/>
      <c r="B149"/>
      <c r="C149" s="23" t="s">
        <v>45</v>
      </c>
      <c r="D149" s="23" t="s">
        <v>2241</v>
      </c>
      <c r="E149" s="1" t="str">
        <f t="shared" si="5"/>
        <v>http://www.sap.com/community/tag.html?id=01200314690800000346</v>
      </c>
      <c r="F149" s="23" t="s">
        <v>2379</v>
      </c>
      <c r="G149"/>
      <c r="H149"/>
      <c r="I149"/>
      <c r="J149"/>
    </row>
    <row r="150" spans="1:10" x14ac:dyDescent="0.25">
      <c r="A150" s="7"/>
      <c r="B150"/>
      <c r="C150" s="23" t="s">
        <v>29</v>
      </c>
      <c r="D150" s="23" t="s">
        <v>2241</v>
      </c>
      <c r="E150" s="1" t="str">
        <f t="shared" si="5"/>
        <v>http://www.sap.com/community/tag.html?id=67837800100800006649</v>
      </c>
      <c r="F150" s="23" t="s">
        <v>2380</v>
      </c>
      <c r="G150"/>
      <c r="H150"/>
      <c r="I150"/>
      <c r="J150"/>
    </row>
    <row r="151" spans="1:10" x14ac:dyDescent="0.25">
      <c r="A151" s="7"/>
      <c r="B151"/>
      <c r="C151" s="23" t="s">
        <v>386</v>
      </c>
      <c r="D151" s="23" t="s">
        <v>2241</v>
      </c>
      <c r="E151" s="1" t="str">
        <f t="shared" si="5"/>
        <v>http://www.sap.com/community/tag.html?id=67838200100800006731</v>
      </c>
      <c r="F151" s="23" t="s">
        <v>2381</v>
      </c>
      <c r="G151"/>
      <c r="H151"/>
      <c r="I151"/>
      <c r="J151"/>
    </row>
    <row r="152" spans="1:10" x14ac:dyDescent="0.25">
      <c r="A152" s="7"/>
      <c r="B152"/>
      <c r="C152" s="23" t="s">
        <v>1855</v>
      </c>
      <c r="D152" s="23" t="s">
        <v>2241</v>
      </c>
      <c r="E152" s="1" t="str">
        <f t="shared" si="5"/>
        <v>http://www.sap.com/community/tag.html?id=67838200100800006042</v>
      </c>
      <c r="F152" s="23" t="s">
        <v>2382</v>
      </c>
      <c r="G152"/>
      <c r="H152"/>
      <c r="I152"/>
      <c r="J152"/>
    </row>
    <row r="153" spans="1:10" x14ac:dyDescent="0.25">
      <c r="A153" s="7"/>
      <c r="B153" s="23"/>
      <c r="C153" t="s">
        <v>1683</v>
      </c>
      <c r="D153" s="23" t="s">
        <v>2241</v>
      </c>
      <c r="E153" s="1" t="str">
        <f t="shared" si="5"/>
        <v>http://www.sap.com/community/tag.html?id=67838200100800006071</v>
      </c>
      <c r="F153" s="23" t="s">
        <v>2383</v>
      </c>
      <c r="G153"/>
      <c r="H153"/>
      <c r="I153"/>
      <c r="J153"/>
    </row>
    <row r="154" spans="1:10" x14ac:dyDescent="0.25">
      <c r="A154" s="7"/>
      <c r="B154"/>
      <c r="C154" s="23" t="s">
        <v>302</v>
      </c>
      <c r="D154" s="23" t="s">
        <v>2241</v>
      </c>
      <c r="E154" s="1" t="str">
        <f t="shared" si="5"/>
        <v>http://www.sap.com/community/tag.html?id=67837800100800006650</v>
      </c>
      <c r="F154" s="23" t="s">
        <v>2384</v>
      </c>
      <c r="G154"/>
      <c r="H154"/>
      <c r="I154"/>
      <c r="J154"/>
    </row>
    <row r="155" spans="1:10" x14ac:dyDescent="0.25">
      <c r="A155" s="7"/>
      <c r="B155" t="s">
        <v>1847</v>
      </c>
      <c r="C155" s="23"/>
      <c r="D155" s="7" t="s">
        <v>5032</v>
      </c>
      <c r="E155" s="1"/>
      <c r="F155" s="23" t="s">
        <v>2385</v>
      </c>
      <c r="G155"/>
      <c r="H155"/>
      <c r="I155"/>
      <c r="J155"/>
    </row>
    <row r="156" spans="1:10" x14ac:dyDescent="0.25">
      <c r="A156" s="7"/>
      <c r="B156" s="23"/>
      <c r="C156" t="s">
        <v>1847</v>
      </c>
      <c r="D156" s="23" t="s">
        <v>2241</v>
      </c>
      <c r="E156" s="1" t="str">
        <f t="shared" ref="E156:E157" si="6" xml:space="preserve"> HYPERLINK(CONCATENATE("http://www.sap.com/community/tag.html?id=",$F156))</f>
        <v>http://www.sap.com/community/tag.html?id=67838200100800006884</v>
      </c>
      <c r="F156" s="23" t="s">
        <v>2386</v>
      </c>
      <c r="G156"/>
      <c r="H156"/>
      <c r="I156"/>
      <c r="J156"/>
    </row>
    <row r="157" spans="1:10" x14ac:dyDescent="0.25">
      <c r="A157" s="7"/>
      <c r="B157"/>
      <c r="C157" s="23" t="s">
        <v>5035</v>
      </c>
      <c r="D157" s="23" t="s">
        <v>2241</v>
      </c>
      <c r="E157" s="1" t="str">
        <f t="shared" si="6"/>
        <v>http://www.sap.com/community/tag.html?id=73554900100800000562</v>
      </c>
      <c r="F157" s="23" t="s">
        <v>5086</v>
      </c>
      <c r="G157"/>
      <c r="H157"/>
      <c r="I157"/>
      <c r="J157"/>
    </row>
    <row r="158" spans="1:10" x14ac:dyDescent="0.25">
      <c r="A158" s="7"/>
      <c r="B158" t="s">
        <v>1419</v>
      </c>
      <c r="C158" s="23"/>
      <c r="D158" s="7" t="s">
        <v>5032</v>
      </c>
      <c r="E158" s="1"/>
      <c r="F158" s="23" t="s">
        <v>2387</v>
      </c>
      <c r="G158"/>
      <c r="H158"/>
      <c r="I158"/>
      <c r="J158"/>
    </row>
    <row r="159" spans="1:10" x14ac:dyDescent="0.25">
      <c r="A159" s="7"/>
      <c r="B159"/>
      <c r="C159" s="23" t="s">
        <v>1419</v>
      </c>
      <c r="D159" s="23" t="s">
        <v>2241</v>
      </c>
      <c r="E159" s="1" t="str">
        <f t="shared" ref="E159:E167" si="7" xml:space="preserve"> HYPERLINK(CONCATENATE("http://www.sap.com/community/tag.html?id=",$F159))</f>
        <v>http://www.sap.com/community/tag.html?id=01200314690800000342</v>
      </c>
      <c r="F159" s="23" t="s">
        <v>2388</v>
      </c>
      <c r="G159"/>
      <c r="H159"/>
      <c r="I159"/>
      <c r="J159"/>
    </row>
    <row r="160" spans="1:10" x14ac:dyDescent="0.25">
      <c r="A160" s="7"/>
      <c r="B160"/>
      <c r="C160" s="23" t="s">
        <v>1243</v>
      </c>
      <c r="D160" s="23" t="s">
        <v>2241</v>
      </c>
      <c r="E160" s="1" t="str">
        <f t="shared" si="7"/>
        <v>http://www.sap.com/community/tag.html?id=01200615320800002512</v>
      </c>
      <c r="F160" s="23" t="s">
        <v>2389</v>
      </c>
      <c r="G160"/>
      <c r="H160"/>
      <c r="I160"/>
      <c r="J160"/>
    </row>
    <row r="161" spans="1:10" x14ac:dyDescent="0.25">
      <c r="A161" s="7"/>
      <c r="B161"/>
      <c r="C161" s="23" t="s">
        <v>429</v>
      </c>
      <c r="D161" s="23" t="s">
        <v>2241</v>
      </c>
      <c r="E161" s="1" t="str">
        <f t="shared" si="7"/>
        <v>http://www.sap.com/community/tag.html?id=67838200100800005190</v>
      </c>
      <c r="F161" s="23" t="s">
        <v>2390</v>
      </c>
      <c r="G161"/>
      <c r="H161"/>
      <c r="I161"/>
      <c r="J161"/>
    </row>
    <row r="162" spans="1:10" x14ac:dyDescent="0.25">
      <c r="A162" s="7"/>
      <c r="B162"/>
      <c r="C162" s="23" t="s">
        <v>304</v>
      </c>
      <c r="D162" s="23" t="s">
        <v>2241</v>
      </c>
      <c r="E162" s="1" t="str">
        <f t="shared" si="7"/>
        <v>http://www.sap.com/community/tag.html?id=67838200100800004657</v>
      </c>
      <c r="F162" s="23" t="s">
        <v>2391</v>
      </c>
      <c r="G162"/>
      <c r="H162"/>
      <c r="I162"/>
      <c r="J162"/>
    </row>
    <row r="163" spans="1:10" x14ac:dyDescent="0.25">
      <c r="A163" s="7"/>
      <c r="B163"/>
      <c r="C163" s="23" t="s">
        <v>1630</v>
      </c>
      <c r="D163" s="23" t="s">
        <v>2241</v>
      </c>
      <c r="E163" s="1" t="str">
        <f t="shared" si="7"/>
        <v>http://www.sap.com/community/tag.html?id=01200314690800000774</v>
      </c>
      <c r="F163" s="23" t="s">
        <v>2392</v>
      </c>
      <c r="G163"/>
      <c r="H163"/>
      <c r="I163"/>
      <c r="J163"/>
    </row>
    <row r="164" spans="1:10" x14ac:dyDescent="0.25">
      <c r="A164" s="7"/>
      <c r="B164"/>
      <c r="C164" s="23" t="s">
        <v>1574</v>
      </c>
      <c r="D164" s="23" t="s">
        <v>2241</v>
      </c>
      <c r="E164" s="1" t="str">
        <f t="shared" si="7"/>
        <v>http://www.sap.com/community/tag.html?id=01200314690800000775</v>
      </c>
      <c r="F164" s="23" t="s">
        <v>2393</v>
      </c>
      <c r="G164"/>
      <c r="H164"/>
      <c r="I164"/>
      <c r="J164"/>
    </row>
    <row r="165" spans="1:10" x14ac:dyDescent="0.25">
      <c r="A165" s="7"/>
      <c r="B165"/>
      <c r="C165" s="23" t="s">
        <v>1550</v>
      </c>
      <c r="D165" s="23" t="s">
        <v>2241</v>
      </c>
      <c r="E165" s="1" t="str">
        <f t="shared" si="7"/>
        <v>http://www.sap.com/community/tag.html?id=01200314690800000847</v>
      </c>
      <c r="F165" s="23" t="s">
        <v>2394</v>
      </c>
      <c r="G165"/>
      <c r="H165"/>
      <c r="I165"/>
      <c r="J165"/>
    </row>
    <row r="166" spans="1:10" x14ac:dyDescent="0.25">
      <c r="A166" s="7"/>
      <c r="B166" s="23"/>
      <c r="C166" t="s">
        <v>227</v>
      </c>
      <c r="D166" s="23" t="s">
        <v>2241</v>
      </c>
      <c r="E166" s="1" t="str">
        <f t="shared" si="7"/>
        <v>http://www.sap.com/community/tag.html?id=01200314690800000776</v>
      </c>
      <c r="F166" s="23" t="s">
        <v>2395</v>
      </c>
      <c r="G166"/>
      <c r="H166"/>
      <c r="I166"/>
      <c r="J166"/>
    </row>
    <row r="167" spans="1:10" x14ac:dyDescent="0.25">
      <c r="A167" s="7"/>
      <c r="B167"/>
      <c r="C167" s="23" t="s">
        <v>141</v>
      </c>
      <c r="D167" s="23" t="s">
        <v>2241</v>
      </c>
      <c r="E167" s="1" t="str">
        <f t="shared" si="7"/>
        <v>http://www.sap.com/community/tag.html?id=01200314690800000848</v>
      </c>
      <c r="F167" s="23" t="s">
        <v>2396</v>
      </c>
      <c r="G167"/>
      <c r="H167"/>
      <c r="I167"/>
      <c r="J167"/>
    </row>
    <row r="168" spans="1:10" x14ac:dyDescent="0.25">
      <c r="A168" s="7"/>
      <c r="B168" s="23" t="s">
        <v>646</v>
      </c>
      <c r="C168"/>
      <c r="D168" s="7" t="s">
        <v>5032</v>
      </c>
      <c r="E168" s="1"/>
      <c r="F168" s="23" t="s">
        <v>2397</v>
      </c>
      <c r="G168"/>
      <c r="H168"/>
      <c r="I168"/>
      <c r="J168"/>
    </row>
    <row r="169" spans="1:10" x14ac:dyDescent="0.25">
      <c r="A169" s="7"/>
      <c r="B169"/>
      <c r="C169" s="23" t="s">
        <v>646</v>
      </c>
      <c r="D169" s="23" t="s">
        <v>2241</v>
      </c>
      <c r="E169" s="1" t="str">
        <f t="shared" ref="E169" si="8" xml:space="preserve"> HYPERLINK(CONCATENATE("http://www.sap.com/community/tag.html?id=",$F169))</f>
        <v>http://www.sap.com/community/tag.html?id=01200615320800003687</v>
      </c>
      <c r="F169" s="23" t="s">
        <v>2398</v>
      </c>
      <c r="G169"/>
      <c r="H169"/>
      <c r="I169"/>
      <c r="J169"/>
    </row>
    <row r="170" spans="1:10" x14ac:dyDescent="0.25">
      <c r="A170" s="7"/>
      <c r="B170" t="s">
        <v>97</v>
      </c>
      <c r="C170" s="23"/>
      <c r="D170" s="7" t="s">
        <v>5032</v>
      </c>
      <c r="E170" s="1"/>
      <c r="F170" s="23" t="s">
        <v>2399</v>
      </c>
      <c r="G170"/>
      <c r="H170"/>
      <c r="I170"/>
      <c r="J170"/>
    </row>
    <row r="171" spans="1:10" x14ac:dyDescent="0.25">
      <c r="A171" s="7"/>
      <c r="B171"/>
      <c r="C171" s="23" t="s">
        <v>970</v>
      </c>
      <c r="D171" s="23" t="s">
        <v>2241</v>
      </c>
      <c r="E171" s="1" t="str">
        <f t="shared" ref="E171:E174" si="9" xml:space="preserve"> HYPERLINK(CONCATENATE("http://www.sap.com/community/tag.html?id=",$F171))</f>
        <v>http://www.sap.com/community/tag.html?id=01200615320800002446</v>
      </c>
      <c r="F171" s="23" t="s">
        <v>2400</v>
      </c>
      <c r="G171"/>
      <c r="H171"/>
      <c r="I171"/>
      <c r="J171"/>
    </row>
    <row r="172" spans="1:10" x14ac:dyDescent="0.25">
      <c r="A172" s="7"/>
      <c r="B172"/>
      <c r="C172" s="23" t="s">
        <v>97</v>
      </c>
      <c r="D172" s="23" t="s">
        <v>2241</v>
      </c>
      <c r="E172" s="1" t="str">
        <f t="shared" si="9"/>
        <v>http://www.sap.com/community/tag.html?id=01200314690800000348</v>
      </c>
      <c r="F172" s="23" t="s">
        <v>2401</v>
      </c>
      <c r="G172"/>
      <c r="H172"/>
      <c r="I172"/>
      <c r="J172"/>
    </row>
    <row r="173" spans="1:10" x14ac:dyDescent="0.25">
      <c r="A173" s="7"/>
      <c r="B173" s="23"/>
      <c r="C173" t="s">
        <v>749</v>
      </c>
      <c r="D173" s="23" t="s">
        <v>2241</v>
      </c>
      <c r="E173" s="1" t="str">
        <f t="shared" si="9"/>
        <v>http://www.sap.com/community/tag.html?id=67838200100800004068</v>
      </c>
      <c r="F173" s="23" t="s">
        <v>2402</v>
      </c>
      <c r="G173"/>
      <c r="H173"/>
      <c r="I173"/>
      <c r="J173"/>
    </row>
    <row r="174" spans="1:10" x14ac:dyDescent="0.25">
      <c r="A174" s="7"/>
      <c r="B174"/>
      <c r="C174" s="23" t="s">
        <v>210</v>
      </c>
      <c r="D174" s="23" t="s">
        <v>2241</v>
      </c>
      <c r="E174" s="1" t="str">
        <f t="shared" si="9"/>
        <v>http://www.sap.com/community/tag.html?id=01200314690800001319</v>
      </c>
      <c r="F174" s="23" t="s">
        <v>2403</v>
      </c>
      <c r="G174"/>
      <c r="H174"/>
      <c r="I174"/>
      <c r="J174"/>
    </row>
    <row r="175" spans="1:10" x14ac:dyDescent="0.25">
      <c r="A175" s="7"/>
      <c r="B175" s="23" t="s">
        <v>1760</v>
      </c>
      <c r="C175"/>
      <c r="D175" s="7" t="s">
        <v>5032</v>
      </c>
      <c r="E175" s="1"/>
      <c r="F175" s="23" t="s">
        <v>2404</v>
      </c>
      <c r="G175"/>
      <c r="H175"/>
      <c r="I175"/>
      <c r="J175"/>
    </row>
    <row r="176" spans="1:10" x14ac:dyDescent="0.25">
      <c r="A176" s="7"/>
      <c r="B176"/>
      <c r="C176" s="23" t="s">
        <v>1760</v>
      </c>
      <c r="D176" s="23" t="s">
        <v>2241</v>
      </c>
      <c r="E176" s="1" t="str">
        <f t="shared" ref="E176" si="10" xml:space="preserve"> HYPERLINK(CONCATENATE("http://www.sap.com/community/tag.html?id=",$F176))</f>
        <v>http://www.sap.com/community/tag.html?id=01200314690800000349</v>
      </c>
      <c r="F176" s="23" t="s">
        <v>2405</v>
      </c>
      <c r="G176"/>
      <c r="H176"/>
      <c r="I176"/>
      <c r="J176"/>
    </row>
    <row r="177" spans="1:10" x14ac:dyDescent="0.25">
      <c r="A177" s="7"/>
      <c r="B177" s="23" t="s">
        <v>172</v>
      </c>
      <c r="C177"/>
      <c r="D177" s="7" t="s">
        <v>5032</v>
      </c>
      <c r="E177" s="1"/>
      <c r="F177" s="23" t="s">
        <v>2406</v>
      </c>
      <c r="G177"/>
      <c r="H177"/>
      <c r="I177"/>
      <c r="J177"/>
    </row>
    <row r="178" spans="1:10" x14ac:dyDescent="0.25">
      <c r="A178" s="7"/>
      <c r="B178"/>
      <c r="C178" s="23" t="s">
        <v>172</v>
      </c>
      <c r="D178" s="23" t="s">
        <v>2241</v>
      </c>
      <c r="E178" s="1" t="str">
        <f t="shared" ref="E178:E179" si="11" xml:space="preserve"> HYPERLINK(CONCATENATE("http://www.sap.com/community/tag.html?id=",$F178))</f>
        <v>http://www.sap.com/community/tag.html?id=01200314690800000357</v>
      </c>
      <c r="F178" s="23" t="s">
        <v>2407</v>
      </c>
      <c r="G178"/>
      <c r="H178"/>
      <c r="I178"/>
      <c r="J178"/>
    </row>
    <row r="179" spans="1:10" x14ac:dyDescent="0.25">
      <c r="A179" s="7"/>
      <c r="B179" t="s">
        <v>1459</v>
      </c>
      <c r="C179" s="23"/>
      <c r="D179" s="7" t="s">
        <v>2241</v>
      </c>
      <c r="E179" s="1" t="str">
        <f t="shared" si="11"/>
        <v>http://www.sap.com/community/tag.html?id=73554900100700001049</v>
      </c>
      <c r="F179" s="23" t="s">
        <v>2408</v>
      </c>
      <c r="G179"/>
      <c r="H179"/>
      <c r="I179"/>
      <c r="J179"/>
    </row>
    <row r="180" spans="1:10" x14ac:dyDescent="0.25">
      <c r="A180" s="7"/>
      <c r="B180"/>
      <c r="C180" s="23" t="s">
        <v>352</v>
      </c>
      <c r="D180" s="23" t="s">
        <v>2241</v>
      </c>
      <c r="E180" s="1" t="str">
        <f t="shared" ref="E180:E184" si="12" xml:space="preserve"> HYPERLINK(CONCATENATE("http://www.sap.com/community/tag.html?id=",$F180))</f>
        <v>http://www.sap.com/community/tag.html?id=01200314690800001339</v>
      </c>
      <c r="F180" s="23" t="s">
        <v>2409</v>
      </c>
      <c r="G180"/>
      <c r="H180"/>
      <c r="I180"/>
      <c r="J180"/>
    </row>
    <row r="181" spans="1:10" x14ac:dyDescent="0.25">
      <c r="A181" s="7"/>
      <c r="B181"/>
      <c r="C181" s="23" t="s">
        <v>1622</v>
      </c>
      <c r="D181" s="23" t="s">
        <v>2241</v>
      </c>
      <c r="E181" s="1" t="str">
        <f t="shared" si="12"/>
        <v>http://www.sap.com/community/tag.html?id=67837800100800004495</v>
      </c>
      <c r="F181" s="23" t="s">
        <v>2410</v>
      </c>
      <c r="G181"/>
      <c r="H181"/>
      <c r="I181"/>
      <c r="J181"/>
    </row>
    <row r="182" spans="1:10" x14ac:dyDescent="0.25">
      <c r="A182" s="7"/>
      <c r="B182"/>
      <c r="C182" s="23" t="s">
        <v>46</v>
      </c>
      <c r="D182" s="23" t="s">
        <v>2241</v>
      </c>
      <c r="E182" s="1" t="str">
        <f t="shared" si="12"/>
        <v>http://www.sap.com/community/tag.html?id=67837800100800006430</v>
      </c>
      <c r="F182" s="23" t="s">
        <v>2411</v>
      </c>
      <c r="G182"/>
      <c r="H182"/>
      <c r="I182"/>
      <c r="J182"/>
    </row>
    <row r="183" spans="1:10" x14ac:dyDescent="0.25">
      <c r="A183" s="7"/>
      <c r="B183" s="23"/>
      <c r="C183" t="s">
        <v>375</v>
      </c>
      <c r="D183" s="23" t="s">
        <v>2241</v>
      </c>
      <c r="E183" s="1" t="str">
        <f t="shared" si="12"/>
        <v>http://www.sap.com/community/tag.html?id=73555000100800000046</v>
      </c>
      <c r="F183" s="23" t="s">
        <v>2412</v>
      </c>
      <c r="G183"/>
      <c r="H183"/>
      <c r="I183"/>
      <c r="J183"/>
    </row>
    <row r="184" spans="1:10" x14ac:dyDescent="0.25">
      <c r="A184" s="7"/>
      <c r="B184"/>
      <c r="C184" s="23" t="s">
        <v>485</v>
      </c>
      <c r="D184" s="23" t="s">
        <v>2241</v>
      </c>
      <c r="E184" s="1" t="str">
        <f t="shared" si="12"/>
        <v>http://www.sap.com/community/tag.html?id=73554900100800000274</v>
      </c>
      <c r="F184" s="23" t="s">
        <v>2413</v>
      </c>
      <c r="G184"/>
      <c r="H184"/>
      <c r="I184"/>
      <c r="J184"/>
    </row>
    <row r="185" spans="1:10" x14ac:dyDescent="0.25">
      <c r="A185" s="7"/>
      <c r="B185" t="s">
        <v>1186</v>
      </c>
      <c r="C185" s="23"/>
      <c r="D185" s="7" t="s">
        <v>5032</v>
      </c>
      <c r="E185" s="1"/>
      <c r="F185" s="23" t="s">
        <v>2414</v>
      </c>
      <c r="G185"/>
      <c r="H185"/>
      <c r="I185"/>
      <c r="J185"/>
    </row>
    <row r="186" spans="1:10" x14ac:dyDescent="0.25">
      <c r="A186" s="7"/>
      <c r="B186"/>
      <c r="C186" s="23" t="s">
        <v>1186</v>
      </c>
      <c r="D186" s="23" t="s">
        <v>2241</v>
      </c>
      <c r="E186" s="1" t="str">
        <f t="shared" ref="E186:E191" si="13" xml:space="preserve"> HYPERLINK(CONCATENATE("http://www.sap.com/community/tag.html?id=",$F186))</f>
        <v>http://www.sap.com/community/tag.html?id=73555000100800000084</v>
      </c>
      <c r="F186" s="23" t="s">
        <v>2415</v>
      </c>
      <c r="G186"/>
      <c r="H186"/>
      <c r="I186"/>
      <c r="J186"/>
    </row>
    <row r="187" spans="1:10" x14ac:dyDescent="0.25">
      <c r="A187" s="7"/>
      <c r="B187"/>
      <c r="C187" s="23" t="s">
        <v>335</v>
      </c>
      <c r="D187" s="23" t="s">
        <v>2241</v>
      </c>
      <c r="E187" s="1" t="str">
        <f t="shared" si="13"/>
        <v>http://www.sap.com/community/tag.html?id=73554900100800000499</v>
      </c>
      <c r="F187" s="23" t="s">
        <v>2416</v>
      </c>
      <c r="G187"/>
      <c r="H187"/>
      <c r="I187"/>
      <c r="J187"/>
    </row>
    <row r="188" spans="1:10" x14ac:dyDescent="0.25">
      <c r="A188" s="7"/>
      <c r="B188"/>
      <c r="C188" s="23" t="s">
        <v>1382</v>
      </c>
      <c r="D188" s="23" t="s">
        <v>2241</v>
      </c>
      <c r="E188" s="1" t="str">
        <f t="shared" si="13"/>
        <v>http://www.sap.com/community/tag.html?id=73554900100800000202</v>
      </c>
      <c r="F188" s="23" t="s">
        <v>2417</v>
      </c>
      <c r="G188"/>
      <c r="H188"/>
      <c r="I188"/>
      <c r="J188"/>
    </row>
    <row r="189" spans="1:10" x14ac:dyDescent="0.25">
      <c r="A189" s="7"/>
      <c r="B189"/>
      <c r="C189" s="23" t="s">
        <v>714</v>
      </c>
      <c r="D189" s="23" t="s">
        <v>2241</v>
      </c>
      <c r="E189" s="1" t="str">
        <f t="shared" si="13"/>
        <v>http://www.sap.com/community/tag.html?id=67838200100800006500</v>
      </c>
      <c r="F189" s="23" t="s">
        <v>2418</v>
      </c>
      <c r="G189"/>
      <c r="H189"/>
      <c r="I189"/>
      <c r="J189"/>
    </row>
    <row r="190" spans="1:10" x14ac:dyDescent="0.25">
      <c r="A190" s="7"/>
      <c r="B190" s="23"/>
      <c r="C190" t="s">
        <v>1736</v>
      </c>
      <c r="D190" s="23" t="s">
        <v>2241</v>
      </c>
      <c r="E190" s="1" t="str">
        <f t="shared" si="13"/>
        <v>http://www.sap.com/community/tag.html?id=67838200100800006509</v>
      </c>
      <c r="F190" s="23" t="s">
        <v>2419</v>
      </c>
      <c r="G190"/>
      <c r="H190"/>
      <c r="I190"/>
      <c r="J190"/>
    </row>
    <row r="191" spans="1:10" x14ac:dyDescent="0.25">
      <c r="A191" s="7"/>
      <c r="B191"/>
      <c r="C191" s="23" t="s">
        <v>898</v>
      </c>
      <c r="D191" s="23" t="s">
        <v>2241</v>
      </c>
      <c r="E191" s="1" t="str">
        <f t="shared" si="13"/>
        <v>http://www.sap.com/community/tag.html?id=01200615320800003800</v>
      </c>
      <c r="F191" s="23" t="s">
        <v>2420</v>
      </c>
      <c r="G191"/>
      <c r="H191"/>
      <c r="I191"/>
      <c r="J191"/>
    </row>
    <row r="192" spans="1:10" x14ac:dyDescent="0.25">
      <c r="A192" s="7"/>
      <c r="B192" s="23" t="s">
        <v>216</v>
      </c>
      <c r="C192"/>
      <c r="D192" s="7" t="s">
        <v>5032</v>
      </c>
      <c r="E192" s="1"/>
      <c r="F192" s="23" t="s">
        <v>2421</v>
      </c>
      <c r="G192"/>
      <c r="H192"/>
      <c r="I192"/>
      <c r="J192"/>
    </row>
    <row r="193" spans="1:10" x14ac:dyDescent="0.25">
      <c r="A193" s="7"/>
      <c r="B193"/>
      <c r="C193" s="23" t="s">
        <v>216</v>
      </c>
      <c r="D193" s="23" t="s">
        <v>2241</v>
      </c>
      <c r="E193" s="1" t="str">
        <f t="shared" ref="E193" si="14" xml:space="preserve"> HYPERLINK(CONCATENATE("http://www.sap.com/community/tag.html?id=",$F193))</f>
        <v>http://www.sap.com/community/tag.html?id=01200314690800000897</v>
      </c>
      <c r="F193" s="23" t="s">
        <v>2422</v>
      </c>
      <c r="G193"/>
      <c r="H193"/>
      <c r="I193"/>
      <c r="J193"/>
    </row>
    <row r="194" spans="1:10" x14ac:dyDescent="0.25">
      <c r="A194" s="7"/>
      <c r="B194" s="23" t="s">
        <v>599</v>
      </c>
      <c r="C194"/>
      <c r="D194" s="7" t="s">
        <v>5032</v>
      </c>
      <c r="E194" s="1"/>
      <c r="F194" s="23" t="s">
        <v>2423</v>
      </c>
      <c r="G194"/>
      <c r="H194"/>
      <c r="I194"/>
      <c r="J194"/>
    </row>
    <row r="195" spans="1:10" x14ac:dyDescent="0.25">
      <c r="A195" s="7"/>
      <c r="B195"/>
      <c r="C195" s="23" t="s">
        <v>599</v>
      </c>
      <c r="D195" s="23" t="s">
        <v>2241</v>
      </c>
      <c r="E195" s="1" t="str">
        <f t="shared" ref="E195" si="15" xml:space="preserve"> HYPERLINK(CONCATENATE("http://www.sap.com/community/tag.html?id=",$F195))</f>
        <v>http://www.sap.com/community/tag.html?id=01200314690800000347</v>
      </c>
      <c r="F195" s="23" t="s">
        <v>2424</v>
      </c>
      <c r="G195"/>
      <c r="H195"/>
      <c r="I195"/>
      <c r="J195"/>
    </row>
    <row r="196" spans="1:10" x14ac:dyDescent="0.25">
      <c r="A196" s="7"/>
      <c r="B196" s="23" t="s">
        <v>1998</v>
      </c>
      <c r="C196"/>
      <c r="D196" s="7" t="s">
        <v>5032</v>
      </c>
      <c r="E196" s="1"/>
      <c r="F196" s="23" t="s">
        <v>2425</v>
      </c>
      <c r="G196"/>
      <c r="H196"/>
      <c r="I196"/>
      <c r="J196"/>
    </row>
    <row r="197" spans="1:10" x14ac:dyDescent="0.25">
      <c r="A197" s="7"/>
      <c r="B197"/>
      <c r="C197" s="23" t="s">
        <v>1998</v>
      </c>
      <c r="D197" s="23" t="s">
        <v>2241</v>
      </c>
      <c r="E197" s="1" t="str">
        <f t="shared" ref="E197" si="16" xml:space="preserve"> HYPERLINK(CONCATENATE("http://www.sap.com/community/tag.html?id=",$F197))</f>
        <v>http://www.sap.com/community/tag.html?id=01200615320800002968</v>
      </c>
      <c r="F197" s="23" t="s">
        <v>2426</v>
      </c>
      <c r="G197"/>
      <c r="H197"/>
      <c r="I197"/>
      <c r="J197"/>
    </row>
    <row r="198" spans="1:10" x14ac:dyDescent="0.25">
      <c r="A198" s="7"/>
      <c r="B198" t="s">
        <v>2009</v>
      </c>
      <c r="C198" s="23"/>
      <c r="D198" s="7" t="s">
        <v>5032</v>
      </c>
      <c r="E198" s="1"/>
      <c r="F198" s="23" t="s">
        <v>2427</v>
      </c>
      <c r="G198"/>
      <c r="H198"/>
      <c r="I198"/>
      <c r="J198"/>
    </row>
    <row r="199" spans="1:10" x14ac:dyDescent="0.25">
      <c r="A199" s="7"/>
      <c r="B199"/>
      <c r="C199" s="23" t="s">
        <v>1405</v>
      </c>
      <c r="D199" s="23" t="s">
        <v>2241</v>
      </c>
      <c r="E199" s="1" t="str">
        <f t="shared" ref="E199:E228" si="17" xml:space="preserve"> HYPERLINK(CONCATENATE("http://www.sap.com/community/tag.html?id=",$F199))</f>
        <v>http://www.sap.com/community/tag.html?id=73555000100800000350</v>
      </c>
      <c r="F199" s="23" t="s">
        <v>2428</v>
      </c>
      <c r="G199"/>
      <c r="H199"/>
      <c r="I199"/>
      <c r="J199"/>
    </row>
    <row r="200" spans="1:10" x14ac:dyDescent="0.25">
      <c r="A200" s="7"/>
      <c r="B200"/>
      <c r="C200" s="23" t="s">
        <v>1652</v>
      </c>
      <c r="D200" s="23" t="s">
        <v>2241</v>
      </c>
      <c r="E200" s="1" t="str">
        <f t="shared" si="17"/>
        <v>http://www.sap.com/community/tag.html?id=73555000100800000375</v>
      </c>
      <c r="F200" s="23" t="s">
        <v>2429</v>
      </c>
      <c r="G200"/>
      <c r="H200"/>
      <c r="I200"/>
      <c r="J200"/>
    </row>
    <row r="201" spans="1:10" x14ac:dyDescent="0.25">
      <c r="A201" s="7"/>
      <c r="B201"/>
      <c r="C201" s="23" t="s">
        <v>331</v>
      </c>
      <c r="D201" s="23" t="s">
        <v>2241</v>
      </c>
      <c r="E201" s="1" t="str">
        <f t="shared" si="17"/>
        <v>http://www.sap.com/community/tag.html?id=73555000100800000365</v>
      </c>
      <c r="F201" s="23" t="s">
        <v>2430</v>
      </c>
      <c r="G201"/>
      <c r="H201"/>
      <c r="I201"/>
      <c r="J201"/>
    </row>
    <row r="202" spans="1:10" x14ac:dyDescent="0.25">
      <c r="A202" s="7"/>
      <c r="B202"/>
      <c r="C202" s="23" t="s">
        <v>1341</v>
      </c>
      <c r="D202" s="23" t="s">
        <v>2241</v>
      </c>
      <c r="E202" s="1" t="str">
        <f t="shared" si="17"/>
        <v>http://www.sap.com/community/tag.html?id=73555000100800000374</v>
      </c>
      <c r="F202" s="23" t="s">
        <v>2431</v>
      </c>
      <c r="G202"/>
      <c r="H202"/>
      <c r="I202"/>
      <c r="J202"/>
    </row>
    <row r="203" spans="1:10" x14ac:dyDescent="0.25">
      <c r="A203" s="7"/>
      <c r="B203"/>
      <c r="C203" s="23" t="s">
        <v>2173</v>
      </c>
      <c r="D203" s="23" t="s">
        <v>2241</v>
      </c>
      <c r="E203" s="1" t="str">
        <f t="shared" si="17"/>
        <v>http://www.sap.com/community/tag.html?id=73555000100800000385</v>
      </c>
      <c r="F203" s="23" t="s">
        <v>2432</v>
      </c>
      <c r="G203"/>
      <c r="H203"/>
      <c r="I203"/>
      <c r="J203"/>
    </row>
    <row r="204" spans="1:10" x14ac:dyDescent="0.25">
      <c r="A204" s="7"/>
      <c r="B204"/>
      <c r="C204" s="23" t="s">
        <v>214</v>
      </c>
      <c r="D204" s="23" t="s">
        <v>2241</v>
      </c>
      <c r="E204" s="1" t="str">
        <f t="shared" si="17"/>
        <v>http://www.sap.com/community/tag.html?id=73555000100800000388</v>
      </c>
      <c r="F204" s="23" t="s">
        <v>2433</v>
      </c>
      <c r="G204"/>
      <c r="H204"/>
      <c r="I204"/>
      <c r="J204"/>
    </row>
    <row r="205" spans="1:10" x14ac:dyDescent="0.25">
      <c r="A205" s="7"/>
      <c r="B205"/>
      <c r="C205" s="23" t="s">
        <v>1122</v>
      </c>
      <c r="D205" s="23" t="s">
        <v>2241</v>
      </c>
      <c r="E205" s="1" t="str">
        <f t="shared" si="17"/>
        <v>http://www.sap.com/community/tag.html?id=73555000100800000384</v>
      </c>
      <c r="F205" s="23" t="s">
        <v>2434</v>
      </c>
      <c r="G205"/>
      <c r="H205"/>
      <c r="I205"/>
      <c r="J205"/>
    </row>
    <row r="206" spans="1:10" x14ac:dyDescent="0.25">
      <c r="A206" s="7"/>
      <c r="B206"/>
      <c r="C206" s="23" t="s">
        <v>779</v>
      </c>
      <c r="D206" s="23" t="s">
        <v>2241</v>
      </c>
      <c r="E206" s="1" t="str">
        <f t="shared" si="17"/>
        <v>http://www.sap.com/community/tag.html?id=73555000100800000386</v>
      </c>
      <c r="F206" s="23" t="s">
        <v>2435</v>
      </c>
      <c r="G206"/>
      <c r="H206"/>
      <c r="I206"/>
      <c r="J206"/>
    </row>
    <row r="207" spans="1:10" x14ac:dyDescent="0.25">
      <c r="A207" s="7"/>
      <c r="B207"/>
      <c r="C207" s="23" t="s">
        <v>1391</v>
      </c>
      <c r="D207" s="23" t="s">
        <v>2241</v>
      </c>
      <c r="E207" s="1" t="str">
        <f t="shared" si="17"/>
        <v>http://www.sap.com/community/tag.html?id=73555000100800000349</v>
      </c>
      <c r="F207" s="23" t="s">
        <v>2436</v>
      </c>
      <c r="G207"/>
      <c r="H207"/>
      <c r="I207"/>
      <c r="J207"/>
    </row>
    <row r="208" spans="1:10" x14ac:dyDescent="0.25">
      <c r="A208" s="7"/>
      <c r="B208"/>
      <c r="C208" s="23" t="s">
        <v>1011</v>
      </c>
      <c r="D208" s="23" t="s">
        <v>2241</v>
      </c>
      <c r="E208" s="1" t="str">
        <f t="shared" si="17"/>
        <v>http://www.sap.com/community/tag.html?id=73555000100800000387</v>
      </c>
      <c r="F208" s="23" t="s">
        <v>2437</v>
      </c>
      <c r="G208"/>
      <c r="H208"/>
      <c r="I208"/>
      <c r="J208"/>
    </row>
    <row r="209" spans="1:10" x14ac:dyDescent="0.25">
      <c r="A209" s="7"/>
      <c r="B209"/>
      <c r="C209" s="23" t="s">
        <v>1036</v>
      </c>
      <c r="D209" s="23" t="s">
        <v>2241</v>
      </c>
      <c r="E209" s="1" t="str">
        <f t="shared" si="17"/>
        <v>http://www.sap.com/community/tag.html?id=73555000100800000339</v>
      </c>
      <c r="F209" s="23" t="s">
        <v>2438</v>
      </c>
      <c r="G209"/>
      <c r="H209"/>
      <c r="I209"/>
      <c r="J209"/>
    </row>
    <row r="210" spans="1:10" x14ac:dyDescent="0.25">
      <c r="A210" s="7"/>
      <c r="B210"/>
      <c r="C210" s="23" t="s">
        <v>208</v>
      </c>
      <c r="D210" s="23" t="s">
        <v>2241</v>
      </c>
      <c r="E210" s="1" t="str">
        <f t="shared" si="17"/>
        <v>http://www.sap.com/community/tag.html?id=73555000100800000363</v>
      </c>
      <c r="F210" s="23" t="s">
        <v>2439</v>
      </c>
      <c r="G210"/>
      <c r="H210"/>
      <c r="I210"/>
      <c r="J210"/>
    </row>
    <row r="211" spans="1:10" x14ac:dyDescent="0.25">
      <c r="A211" s="7"/>
      <c r="B211"/>
      <c r="C211" s="23" t="s">
        <v>1844</v>
      </c>
      <c r="D211" s="23" t="s">
        <v>2241</v>
      </c>
      <c r="E211" s="1" t="str">
        <f t="shared" si="17"/>
        <v>http://www.sap.com/community/tag.html?id=73555000100800000389</v>
      </c>
      <c r="F211" s="23" t="s">
        <v>2440</v>
      </c>
      <c r="G211"/>
      <c r="H211"/>
      <c r="I211"/>
      <c r="J211"/>
    </row>
    <row r="212" spans="1:10" x14ac:dyDescent="0.25">
      <c r="A212" s="7"/>
      <c r="B212"/>
      <c r="C212" s="23" t="s">
        <v>378</v>
      </c>
      <c r="D212" s="23" t="s">
        <v>2241</v>
      </c>
      <c r="E212" s="1" t="str">
        <f t="shared" si="17"/>
        <v>http://www.sap.com/community/tag.html?id=73555000100800000367</v>
      </c>
      <c r="F212" s="23" t="s">
        <v>2441</v>
      </c>
      <c r="G212"/>
      <c r="H212"/>
      <c r="I212"/>
      <c r="J212"/>
    </row>
    <row r="213" spans="1:10" x14ac:dyDescent="0.25">
      <c r="A213" s="7"/>
      <c r="B213"/>
      <c r="C213" s="23" t="s">
        <v>1014</v>
      </c>
      <c r="D213" s="23" t="s">
        <v>2241</v>
      </c>
      <c r="E213" s="1" t="str">
        <f t="shared" si="17"/>
        <v>http://www.sap.com/community/tag.html?id=73555000100800000364</v>
      </c>
      <c r="F213" s="23" t="s">
        <v>2442</v>
      </c>
      <c r="G213"/>
      <c r="H213"/>
      <c r="I213"/>
      <c r="J213"/>
    </row>
    <row r="214" spans="1:10" x14ac:dyDescent="0.25">
      <c r="A214" s="7"/>
      <c r="B214"/>
      <c r="C214" s="23" t="s">
        <v>1774</v>
      </c>
      <c r="D214" s="23" t="s">
        <v>2241</v>
      </c>
      <c r="E214" s="1" t="str">
        <f t="shared" si="17"/>
        <v>http://www.sap.com/community/tag.html?id=73555000100800000390</v>
      </c>
      <c r="F214" s="23" t="s">
        <v>2443</v>
      </c>
      <c r="G214"/>
      <c r="H214"/>
      <c r="I214"/>
      <c r="J214"/>
    </row>
    <row r="215" spans="1:10" x14ac:dyDescent="0.25">
      <c r="A215" s="7"/>
      <c r="B215"/>
      <c r="C215" s="23" t="s">
        <v>1204</v>
      </c>
      <c r="D215" s="23" t="s">
        <v>2241</v>
      </c>
      <c r="E215" s="1" t="str">
        <f t="shared" si="17"/>
        <v>http://www.sap.com/community/tag.html?id=73555000100800000392</v>
      </c>
      <c r="F215" s="23" t="s">
        <v>2444</v>
      </c>
      <c r="G215"/>
      <c r="H215"/>
      <c r="I215"/>
      <c r="J215"/>
    </row>
    <row r="216" spans="1:10" x14ac:dyDescent="0.25">
      <c r="A216" s="7"/>
      <c r="B216"/>
      <c r="C216" s="23" t="s">
        <v>129</v>
      </c>
      <c r="D216" s="23" t="s">
        <v>2241</v>
      </c>
      <c r="E216" s="1" t="str">
        <f t="shared" si="17"/>
        <v>http://www.sap.com/community/tag.html?id=73555000100800000393</v>
      </c>
      <c r="F216" s="23" t="s">
        <v>2445</v>
      </c>
      <c r="G216"/>
      <c r="H216"/>
      <c r="I216"/>
      <c r="J216"/>
    </row>
    <row r="217" spans="1:10" x14ac:dyDescent="0.25">
      <c r="A217" s="7"/>
      <c r="B217"/>
      <c r="C217" s="23" t="s">
        <v>1552</v>
      </c>
      <c r="D217" s="23" t="s">
        <v>2241</v>
      </c>
      <c r="E217" s="1" t="str">
        <f t="shared" si="17"/>
        <v>http://www.sap.com/community/tag.html?id=73555000100800000391</v>
      </c>
      <c r="F217" s="23" t="s">
        <v>2446</v>
      </c>
      <c r="G217"/>
      <c r="H217"/>
      <c r="I217"/>
      <c r="J217"/>
    </row>
    <row r="218" spans="1:10" x14ac:dyDescent="0.25">
      <c r="A218" s="7"/>
      <c r="B218"/>
      <c r="C218" s="23" t="s">
        <v>2006</v>
      </c>
      <c r="D218" s="23" t="s">
        <v>2241</v>
      </c>
      <c r="E218" s="1" t="str">
        <f t="shared" si="17"/>
        <v>http://www.sap.com/community/tag.html?id=73555000100800000366</v>
      </c>
      <c r="F218" s="23" t="s">
        <v>2447</v>
      </c>
      <c r="G218"/>
      <c r="H218"/>
      <c r="I218"/>
      <c r="J218"/>
    </row>
    <row r="219" spans="1:10" x14ac:dyDescent="0.25">
      <c r="A219" s="7"/>
      <c r="B219"/>
      <c r="C219" s="23" t="s">
        <v>1417</v>
      </c>
      <c r="D219" s="23" t="s">
        <v>2241</v>
      </c>
      <c r="E219" s="1" t="str">
        <f t="shared" si="17"/>
        <v>http://www.sap.com/community/tag.html?id=73555000100800000398</v>
      </c>
      <c r="F219" s="23" t="s">
        <v>2448</v>
      </c>
      <c r="G219"/>
      <c r="H219"/>
      <c r="I219"/>
      <c r="J219"/>
    </row>
    <row r="220" spans="1:10" x14ac:dyDescent="0.25">
      <c r="A220" s="7"/>
      <c r="B220"/>
      <c r="C220" s="23" t="s">
        <v>906</v>
      </c>
      <c r="D220" s="23" t="s">
        <v>2241</v>
      </c>
      <c r="E220" s="1" t="str">
        <f t="shared" si="17"/>
        <v>http://www.sap.com/community/tag.html?id=73555000100800000356</v>
      </c>
      <c r="F220" s="23" t="s">
        <v>2449</v>
      </c>
      <c r="G220"/>
      <c r="H220"/>
      <c r="I220"/>
      <c r="J220"/>
    </row>
    <row r="221" spans="1:10" x14ac:dyDescent="0.25">
      <c r="A221" s="7"/>
      <c r="B221"/>
      <c r="C221" s="23" t="s">
        <v>1972</v>
      </c>
      <c r="D221" s="23" t="s">
        <v>2241</v>
      </c>
      <c r="E221" s="1" t="str">
        <f t="shared" si="17"/>
        <v>http://www.sap.com/community/tag.html?id=73555000100800000396</v>
      </c>
      <c r="F221" s="23" t="s">
        <v>2450</v>
      </c>
      <c r="G221"/>
      <c r="H221"/>
      <c r="I221"/>
      <c r="J221"/>
    </row>
    <row r="222" spans="1:10" x14ac:dyDescent="0.25">
      <c r="A222" s="7"/>
      <c r="B222"/>
      <c r="C222" s="23" t="s">
        <v>1971</v>
      </c>
      <c r="D222" s="23" t="s">
        <v>2241</v>
      </c>
      <c r="E222" s="1" t="str">
        <f t="shared" si="17"/>
        <v>http://www.sap.com/community/tag.html?id=73555000100800000397</v>
      </c>
      <c r="F222" s="23" t="s">
        <v>2451</v>
      </c>
      <c r="G222"/>
      <c r="H222"/>
      <c r="I222"/>
      <c r="J222"/>
    </row>
    <row r="223" spans="1:10" x14ac:dyDescent="0.25">
      <c r="A223" s="7"/>
      <c r="B223"/>
      <c r="C223" s="23" t="s">
        <v>1973</v>
      </c>
      <c r="D223" s="23" t="s">
        <v>2241</v>
      </c>
      <c r="E223" s="1" t="str">
        <f t="shared" si="17"/>
        <v>http://www.sap.com/community/tag.html?id=73555000100800000355</v>
      </c>
      <c r="F223" s="23" t="s">
        <v>2452</v>
      </c>
      <c r="G223"/>
      <c r="H223"/>
      <c r="I223"/>
      <c r="J223"/>
    </row>
    <row r="224" spans="1:10" x14ac:dyDescent="0.25">
      <c r="A224" s="7"/>
      <c r="B224"/>
      <c r="C224" s="23" t="s">
        <v>27</v>
      </c>
      <c r="D224" s="23" t="s">
        <v>2241</v>
      </c>
      <c r="E224" s="1" t="str">
        <f t="shared" si="17"/>
        <v>http://www.sap.com/community/tag.html?id=73555000100800000395</v>
      </c>
      <c r="F224" s="23" t="s">
        <v>2453</v>
      </c>
      <c r="G224"/>
      <c r="H224"/>
      <c r="I224"/>
      <c r="J224"/>
    </row>
    <row r="225" spans="1:10" x14ac:dyDescent="0.25">
      <c r="A225" s="7"/>
      <c r="B225"/>
      <c r="C225" s="23" t="s">
        <v>1276</v>
      </c>
      <c r="D225" s="23" t="s">
        <v>2241</v>
      </c>
      <c r="E225" s="1" t="str">
        <f t="shared" si="17"/>
        <v>http://www.sap.com/community/tag.html?id=73555000100800000399</v>
      </c>
      <c r="F225" s="23" t="s">
        <v>2454</v>
      </c>
      <c r="G225"/>
      <c r="H225"/>
      <c r="I225"/>
      <c r="J225"/>
    </row>
    <row r="226" spans="1:10" x14ac:dyDescent="0.25">
      <c r="A226" s="7"/>
      <c r="B226"/>
      <c r="C226" s="23" t="s">
        <v>1636</v>
      </c>
      <c r="D226" s="23" t="s">
        <v>2241</v>
      </c>
      <c r="E226" s="1" t="str">
        <f t="shared" si="17"/>
        <v>http://www.sap.com/community/tag.html?id=73555000100800000394</v>
      </c>
      <c r="F226" s="23" t="s">
        <v>2455</v>
      </c>
      <c r="G226"/>
      <c r="H226"/>
      <c r="I226"/>
      <c r="J226"/>
    </row>
    <row r="227" spans="1:10" x14ac:dyDescent="0.25">
      <c r="A227" s="7"/>
      <c r="B227" s="23"/>
      <c r="C227" t="s">
        <v>1495</v>
      </c>
      <c r="D227" s="23" t="s">
        <v>2241</v>
      </c>
      <c r="E227" s="1" t="str">
        <f t="shared" si="17"/>
        <v>http://www.sap.com/community/tag.html?id=73555000100800000368</v>
      </c>
      <c r="F227" s="23" t="s">
        <v>2456</v>
      </c>
      <c r="G227"/>
      <c r="H227"/>
      <c r="I227"/>
      <c r="J227"/>
    </row>
    <row r="228" spans="1:10" x14ac:dyDescent="0.25">
      <c r="A228" s="7"/>
      <c r="B228"/>
      <c r="C228" s="23" t="s">
        <v>1543</v>
      </c>
      <c r="D228" s="23" t="s">
        <v>2241</v>
      </c>
      <c r="E228" s="1" t="str">
        <f t="shared" si="17"/>
        <v>http://www.sap.com/community/tag.html?id=73555000100800000373</v>
      </c>
      <c r="F228" s="23" t="s">
        <v>2457</v>
      </c>
      <c r="G228"/>
      <c r="H228"/>
      <c r="I228"/>
      <c r="J228"/>
    </row>
    <row r="229" spans="1:10" x14ac:dyDescent="0.25">
      <c r="A229" s="7"/>
      <c r="B229" t="s">
        <v>484</v>
      </c>
      <c r="C229" s="23"/>
      <c r="D229" s="7" t="s">
        <v>5032</v>
      </c>
      <c r="E229" s="1"/>
      <c r="F229" s="23" t="s">
        <v>2458</v>
      </c>
      <c r="G229"/>
      <c r="H229"/>
      <c r="I229"/>
      <c r="J229"/>
    </row>
    <row r="230" spans="1:10" x14ac:dyDescent="0.25">
      <c r="A230" s="7"/>
      <c r="B230" s="23"/>
      <c r="C230" t="s">
        <v>1361</v>
      </c>
      <c r="D230" s="23" t="s">
        <v>2241</v>
      </c>
      <c r="E230" s="1" t="str">
        <f t="shared" ref="E230:E231" si="18" xml:space="preserve"> HYPERLINK(CONCATENATE("http://www.sap.com/community/tag.html?id=",$F230))</f>
        <v>http://www.sap.com/community/tag.html?id=01200615320800002998</v>
      </c>
      <c r="F230" s="23" t="s">
        <v>2459</v>
      </c>
      <c r="G230"/>
      <c r="H230"/>
      <c r="I230"/>
      <c r="J230"/>
    </row>
    <row r="231" spans="1:10" x14ac:dyDescent="0.25">
      <c r="A231" s="7"/>
      <c r="B231"/>
      <c r="C231" s="23" t="s">
        <v>726</v>
      </c>
      <c r="D231" s="23" t="s">
        <v>2241</v>
      </c>
      <c r="E231" s="1" t="str">
        <f t="shared" si="18"/>
        <v>http://www.sap.com/community/tag.html?id=01200314690800000811</v>
      </c>
      <c r="F231" s="23" t="s">
        <v>2460</v>
      </c>
      <c r="G231"/>
      <c r="H231"/>
      <c r="I231"/>
      <c r="J231"/>
    </row>
    <row r="232" spans="1:10" x14ac:dyDescent="0.25">
      <c r="A232" s="7"/>
      <c r="B232" t="s">
        <v>676</v>
      </c>
      <c r="C232" s="23"/>
      <c r="D232" s="7" t="s">
        <v>5032</v>
      </c>
      <c r="E232" s="1"/>
      <c r="F232" s="23" t="s">
        <v>2461</v>
      </c>
      <c r="G232"/>
      <c r="H232"/>
      <c r="I232"/>
      <c r="J232"/>
    </row>
    <row r="233" spans="1:10" x14ac:dyDescent="0.25">
      <c r="A233" s="7"/>
      <c r="B233"/>
      <c r="C233" s="23" t="s">
        <v>5036</v>
      </c>
      <c r="D233" s="23" t="s">
        <v>2241</v>
      </c>
      <c r="E233" s="1" t="str">
        <f t="shared" ref="E233:E246" si="19" xml:space="preserve"> HYPERLINK(CONCATENATE("http://www.sap.com/community/tag.html?id=",$F233))</f>
        <v>http://www.sap.com/community/tag.html?id=01200314690800000770</v>
      </c>
      <c r="F233" s="23" t="s">
        <v>2465</v>
      </c>
      <c r="G233"/>
      <c r="H233"/>
      <c r="I233"/>
      <c r="J233"/>
    </row>
    <row r="234" spans="1:10" x14ac:dyDescent="0.25">
      <c r="A234" s="7"/>
      <c r="B234"/>
      <c r="C234" s="23" t="s">
        <v>359</v>
      </c>
      <c r="D234" s="23" t="s">
        <v>2241</v>
      </c>
      <c r="E234" s="1" t="str">
        <f t="shared" si="19"/>
        <v>http://www.sap.com/community/tag.html?id=01200615320800001739</v>
      </c>
      <c r="F234" s="23" t="s">
        <v>2462</v>
      </c>
      <c r="G234"/>
      <c r="H234"/>
      <c r="I234"/>
      <c r="J234"/>
    </row>
    <row r="235" spans="1:10" x14ac:dyDescent="0.25">
      <c r="A235" s="7"/>
      <c r="B235"/>
      <c r="C235" s="23" t="s">
        <v>1359</v>
      </c>
      <c r="D235" s="23" t="s">
        <v>2241</v>
      </c>
      <c r="E235" s="1" t="str">
        <f t="shared" si="19"/>
        <v>http://www.sap.com/community/tag.html?id=01200615320800001740</v>
      </c>
      <c r="F235" s="23" t="s">
        <v>2463</v>
      </c>
      <c r="G235"/>
      <c r="H235"/>
      <c r="I235"/>
      <c r="J235"/>
    </row>
    <row r="236" spans="1:10" x14ac:dyDescent="0.25">
      <c r="A236" s="7"/>
      <c r="B236"/>
      <c r="C236" s="23" t="s">
        <v>5037</v>
      </c>
      <c r="D236" s="23" t="s">
        <v>2241</v>
      </c>
      <c r="E236" s="1" t="str">
        <f t="shared" si="19"/>
        <v>http://www.sap.com/community/tag.html?id=01200314690800000769</v>
      </c>
      <c r="F236" s="23" t="s">
        <v>2466</v>
      </c>
      <c r="G236"/>
      <c r="H236"/>
      <c r="I236"/>
      <c r="J236"/>
    </row>
    <row r="237" spans="1:10" x14ac:dyDescent="0.25">
      <c r="A237" s="7"/>
      <c r="B237"/>
      <c r="C237" s="23" t="s">
        <v>1627</v>
      </c>
      <c r="D237" s="23" t="s">
        <v>2241</v>
      </c>
      <c r="E237" s="1" t="str">
        <f t="shared" si="19"/>
        <v>http://www.sap.com/community/tag.html?id=01200615320800001816</v>
      </c>
      <c r="F237" s="23" t="s">
        <v>2464</v>
      </c>
      <c r="G237"/>
      <c r="H237"/>
      <c r="I237"/>
      <c r="J237"/>
    </row>
    <row r="238" spans="1:10" x14ac:dyDescent="0.25">
      <c r="A238" s="7"/>
      <c r="B238"/>
      <c r="C238" s="23" t="s">
        <v>5038</v>
      </c>
      <c r="D238" s="23" t="s">
        <v>2241</v>
      </c>
      <c r="E238" s="1" t="str">
        <f t="shared" si="19"/>
        <v>http://www.sap.com/community/tag.html?id=01200314690800000773</v>
      </c>
      <c r="F238" s="23" t="s">
        <v>2467</v>
      </c>
      <c r="G238"/>
      <c r="H238"/>
      <c r="I238"/>
      <c r="J238"/>
    </row>
    <row r="239" spans="1:10" x14ac:dyDescent="0.25">
      <c r="A239" s="7"/>
      <c r="B239"/>
      <c r="C239" s="23" t="s">
        <v>5039</v>
      </c>
      <c r="D239" s="23" t="s">
        <v>2241</v>
      </c>
      <c r="E239" s="1" t="str">
        <f t="shared" si="19"/>
        <v>http://www.sap.com/community/tag.html?id=01200314690800000771</v>
      </c>
      <c r="F239" s="23" t="s">
        <v>2468</v>
      </c>
      <c r="G239"/>
      <c r="H239"/>
      <c r="I239"/>
      <c r="J239"/>
    </row>
    <row r="240" spans="1:10" x14ac:dyDescent="0.25">
      <c r="A240" s="7"/>
      <c r="B240"/>
      <c r="C240" s="23" t="s">
        <v>676</v>
      </c>
      <c r="D240" s="23" t="s">
        <v>2241</v>
      </c>
      <c r="E240" s="1" t="str">
        <f t="shared" si="19"/>
        <v>http://www.sap.com/community/tag.html?id=01200314690800000341</v>
      </c>
      <c r="F240" s="23" t="s">
        <v>2469</v>
      </c>
      <c r="G240"/>
      <c r="H240"/>
      <c r="I240"/>
      <c r="J240"/>
    </row>
    <row r="241" spans="1:10" x14ac:dyDescent="0.25">
      <c r="A241" s="7"/>
      <c r="B241"/>
      <c r="C241" s="23" t="s">
        <v>371</v>
      </c>
      <c r="D241" s="23" t="s">
        <v>2241</v>
      </c>
      <c r="E241" s="1" t="str">
        <f t="shared" si="19"/>
        <v>http://www.sap.com/community/tag.html?id=01200615320800001686</v>
      </c>
      <c r="F241" s="23" t="s">
        <v>2470</v>
      </c>
      <c r="G241"/>
      <c r="H241"/>
      <c r="I241"/>
      <c r="J241"/>
    </row>
    <row r="242" spans="1:10" x14ac:dyDescent="0.25">
      <c r="A242" s="7"/>
      <c r="B242"/>
      <c r="C242" s="23" t="s">
        <v>1503</v>
      </c>
      <c r="D242" s="23" t="s">
        <v>2241</v>
      </c>
      <c r="E242" s="1" t="str">
        <f t="shared" si="19"/>
        <v>http://www.sap.com/community/tag.html?id=01200615320800001220</v>
      </c>
      <c r="F242" s="23" t="s">
        <v>2471</v>
      </c>
      <c r="G242"/>
      <c r="H242"/>
      <c r="I242"/>
      <c r="J242"/>
    </row>
    <row r="243" spans="1:10" x14ac:dyDescent="0.25">
      <c r="A243" s="7"/>
      <c r="B243"/>
      <c r="C243" s="23" t="s">
        <v>1679</v>
      </c>
      <c r="D243" s="23" t="s">
        <v>2241</v>
      </c>
      <c r="E243" s="1" t="str">
        <f t="shared" si="19"/>
        <v>http://www.sap.com/community/tag.html?id=01200314690800001107</v>
      </c>
      <c r="F243" s="23" t="s">
        <v>2472</v>
      </c>
      <c r="G243"/>
      <c r="H243"/>
      <c r="I243"/>
      <c r="J243"/>
    </row>
    <row r="244" spans="1:10" x14ac:dyDescent="0.25">
      <c r="A244" s="7"/>
      <c r="B244"/>
      <c r="C244" s="23" t="s">
        <v>1941</v>
      </c>
      <c r="D244" s="23" t="s">
        <v>2241</v>
      </c>
      <c r="E244" s="1" t="str">
        <f t="shared" si="19"/>
        <v>http://www.sap.com/community/tag.html?id=01200314690800000787</v>
      </c>
      <c r="F244" s="23" t="s">
        <v>2473</v>
      </c>
      <c r="G244"/>
      <c r="H244"/>
      <c r="I244"/>
      <c r="J244"/>
    </row>
    <row r="245" spans="1:10" x14ac:dyDescent="0.25">
      <c r="A245" s="7"/>
      <c r="B245" s="23"/>
      <c r="C245" t="s">
        <v>1845</v>
      </c>
      <c r="D245" s="23" t="s">
        <v>2241</v>
      </c>
      <c r="E245" s="1" t="str">
        <f t="shared" si="19"/>
        <v>http://www.sap.com/community/tag.html?id=67837800100800007286</v>
      </c>
      <c r="F245" s="23" t="s">
        <v>2474</v>
      </c>
      <c r="G245"/>
      <c r="H245"/>
      <c r="I245"/>
      <c r="J245"/>
    </row>
    <row r="246" spans="1:10" x14ac:dyDescent="0.25">
      <c r="A246" s="7"/>
      <c r="B246"/>
      <c r="C246" s="23" t="s">
        <v>2044</v>
      </c>
      <c r="D246" s="23" t="s">
        <v>2241</v>
      </c>
      <c r="E246" s="1" t="str">
        <f t="shared" si="19"/>
        <v>http://www.sap.com/community/tag.html?id=01200615320800001270</v>
      </c>
      <c r="F246" s="23" t="s">
        <v>2475</v>
      </c>
      <c r="G246"/>
      <c r="H246"/>
      <c r="I246"/>
      <c r="J246"/>
    </row>
    <row r="247" spans="1:10" x14ac:dyDescent="0.25">
      <c r="A247" s="7"/>
      <c r="B247" t="s">
        <v>571</v>
      </c>
      <c r="C247" s="23"/>
      <c r="D247" s="7" t="s">
        <v>5032</v>
      </c>
      <c r="E247" s="1"/>
      <c r="F247" s="23" t="s">
        <v>2476</v>
      </c>
      <c r="G247"/>
      <c r="H247"/>
      <c r="I247"/>
      <c r="J247"/>
    </row>
    <row r="248" spans="1:10" x14ac:dyDescent="0.25">
      <c r="A248" s="7"/>
      <c r="B248"/>
      <c r="C248" s="23" t="s">
        <v>5040</v>
      </c>
      <c r="D248" s="23" t="s">
        <v>2241</v>
      </c>
      <c r="E248" s="1" t="str">
        <f t="shared" ref="E248:E250" si="20" xml:space="preserve"> HYPERLINK(CONCATENATE("http://www.sap.com/community/tag.html?id=",$F248))</f>
        <v>http://www.sap.com/community/tag.html?id=01200314690800000772</v>
      </c>
      <c r="F248" s="23" t="s">
        <v>2477</v>
      </c>
      <c r="G248"/>
      <c r="H248"/>
      <c r="I248"/>
      <c r="J248"/>
    </row>
    <row r="249" spans="1:10" x14ac:dyDescent="0.25">
      <c r="A249" s="7"/>
      <c r="B249" s="23"/>
      <c r="C249" t="s">
        <v>1164</v>
      </c>
      <c r="D249" s="23" t="s">
        <v>2241</v>
      </c>
      <c r="E249" s="1" t="str">
        <f t="shared" si="20"/>
        <v>http://www.sap.com/community/tag.html?id=01200615320800001218</v>
      </c>
      <c r="F249" s="23" t="s">
        <v>2478</v>
      </c>
      <c r="G249"/>
      <c r="H249"/>
      <c r="I249"/>
      <c r="J249"/>
    </row>
    <row r="250" spans="1:10" x14ac:dyDescent="0.25">
      <c r="A250" s="7"/>
      <c r="B250"/>
      <c r="C250" s="23" t="s">
        <v>571</v>
      </c>
      <c r="D250" s="23" t="s">
        <v>2241</v>
      </c>
      <c r="E250" s="1" t="str">
        <f t="shared" si="20"/>
        <v>http://www.sap.com/community/tag.html?id=01200314690800000350</v>
      </c>
      <c r="F250" s="23" t="s">
        <v>2479</v>
      </c>
      <c r="G250"/>
      <c r="H250"/>
      <c r="I250"/>
      <c r="J250"/>
    </row>
    <row r="251" spans="1:10" x14ac:dyDescent="0.25">
      <c r="A251" s="7"/>
      <c r="B251" t="s">
        <v>917</v>
      </c>
      <c r="C251" s="23"/>
      <c r="D251" s="7" t="s">
        <v>5032</v>
      </c>
      <c r="E251" s="1"/>
      <c r="F251" s="23" t="s">
        <v>2480</v>
      </c>
      <c r="G251"/>
      <c r="H251"/>
      <c r="I251"/>
      <c r="J251"/>
    </row>
    <row r="252" spans="1:10" x14ac:dyDescent="0.25">
      <c r="A252" s="7"/>
      <c r="B252"/>
      <c r="C252" s="23" t="s">
        <v>189</v>
      </c>
      <c r="D252" s="23" t="s">
        <v>2241</v>
      </c>
      <c r="E252" s="1" t="str">
        <f t="shared" ref="E252:E260" si="21" xml:space="preserve"> HYPERLINK(CONCATENATE("http://www.sap.com/community/tag.html?id=",$F252))</f>
        <v>http://www.sap.com/community/tag.html?id=01200615320800001560</v>
      </c>
      <c r="F252" s="23" t="s">
        <v>2481</v>
      </c>
      <c r="G252"/>
      <c r="H252"/>
      <c r="I252"/>
      <c r="J252"/>
    </row>
    <row r="253" spans="1:10" x14ac:dyDescent="0.25">
      <c r="A253" s="7"/>
      <c r="B253"/>
      <c r="C253" s="23" t="s">
        <v>1558</v>
      </c>
      <c r="D253" s="23" t="s">
        <v>2241</v>
      </c>
      <c r="E253" s="1" t="str">
        <f t="shared" si="21"/>
        <v>http://www.sap.com/community/tag.html?id=01200615320800001561</v>
      </c>
      <c r="F253" s="23" t="s">
        <v>2482</v>
      </c>
      <c r="G253"/>
      <c r="H253"/>
      <c r="I253"/>
      <c r="J253"/>
    </row>
    <row r="254" spans="1:10" x14ac:dyDescent="0.25">
      <c r="A254" s="7"/>
      <c r="B254"/>
      <c r="C254" s="23" t="s">
        <v>1291</v>
      </c>
      <c r="D254" s="23" t="s">
        <v>2241</v>
      </c>
      <c r="E254" s="1" t="str">
        <f t="shared" si="21"/>
        <v>http://www.sap.com/community/tag.html?id=01200615320800001562</v>
      </c>
      <c r="F254" s="23" t="s">
        <v>2483</v>
      </c>
      <c r="G254"/>
      <c r="H254"/>
      <c r="I254"/>
      <c r="J254"/>
    </row>
    <row r="255" spans="1:10" x14ac:dyDescent="0.25">
      <c r="A255" s="7"/>
      <c r="B255"/>
      <c r="C255" s="23" t="s">
        <v>1415</v>
      </c>
      <c r="D255" s="23" t="s">
        <v>2241</v>
      </c>
      <c r="E255" s="1" t="str">
        <f t="shared" si="21"/>
        <v>http://www.sap.com/community/tag.html?id=01200615320800001589</v>
      </c>
      <c r="F255" s="23" t="s">
        <v>2484</v>
      </c>
      <c r="G255"/>
      <c r="H255"/>
      <c r="I255"/>
      <c r="J255"/>
    </row>
    <row r="256" spans="1:10" x14ac:dyDescent="0.25">
      <c r="A256" s="7"/>
      <c r="B256"/>
      <c r="C256" s="23" t="s">
        <v>1864</v>
      </c>
      <c r="D256" s="23" t="s">
        <v>2241</v>
      </c>
      <c r="E256" s="1" t="str">
        <f t="shared" si="21"/>
        <v>http://www.sap.com/community/tag.html?id=01200615320800001590</v>
      </c>
      <c r="F256" s="23" t="s">
        <v>2485</v>
      </c>
      <c r="G256"/>
      <c r="H256"/>
      <c r="I256"/>
      <c r="J256"/>
    </row>
    <row r="257" spans="1:10" x14ac:dyDescent="0.25">
      <c r="A257" s="7"/>
      <c r="B257"/>
      <c r="C257" s="23" t="s">
        <v>758</v>
      </c>
      <c r="D257" s="23" t="s">
        <v>2241</v>
      </c>
      <c r="E257" s="1" t="str">
        <f t="shared" si="21"/>
        <v>http://www.sap.com/community/tag.html?id=01200615320800001591</v>
      </c>
      <c r="F257" s="23" t="s">
        <v>2486</v>
      </c>
      <c r="G257"/>
      <c r="H257"/>
      <c r="I257"/>
      <c r="J257"/>
    </row>
    <row r="258" spans="1:10" x14ac:dyDescent="0.25">
      <c r="A258" s="7"/>
      <c r="B258"/>
      <c r="C258" s="23" t="s">
        <v>2204</v>
      </c>
      <c r="D258" s="23" t="s">
        <v>2241</v>
      </c>
      <c r="E258" s="1" t="str">
        <f t="shared" si="21"/>
        <v>http://www.sap.com/community/tag.html?id=01200615320800001627</v>
      </c>
      <c r="F258" s="23" t="s">
        <v>2487</v>
      </c>
      <c r="G258"/>
      <c r="H258"/>
      <c r="I258"/>
      <c r="J258"/>
    </row>
    <row r="259" spans="1:10" x14ac:dyDescent="0.25">
      <c r="A259" s="7"/>
      <c r="B259" s="23"/>
      <c r="C259" t="s">
        <v>957</v>
      </c>
      <c r="D259" s="23" t="s">
        <v>2241</v>
      </c>
      <c r="E259" s="1" t="str">
        <f t="shared" si="21"/>
        <v>http://www.sap.com/community/tag.html?id=01200615320800001628</v>
      </c>
      <c r="F259" s="23" t="s">
        <v>2488</v>
      </c>
      <c r="G259"/>
      <c r="H259"/>
      <c r="I259"/>
      <c r="J259"/>
    </row>
    <row r="260" spans="1:10" x14ac:dyDescent="0.25">
      <c r="A260" s="7"/>
      <c r="B260"/>
      <c r="C260" s="23" t="s">
        <v>917</v>
      </c>
      <c r="D260" s="23" t="s">
        <v>2241</v>
      </c>
      <c r="E260" s="1" t="str">
        <f t="shared" si="21"/>
        <v>http://www.sap.com/community/tag.html?id=01200615320800002061</v>
      </c>
      <c r="F260" s="23" t="s">
        <v>2489</v>
      </c>
      <c r="G260"/>
      <c r="H260"/>
      <c r="I260"/>
      <c r="J260"/>
    </row>
    <row r="261" spans="1:10" x14ac:dyDescent="0.25">
      <c r="A261" s="7"/>
      <c r="B261" s="23" t="s">
        <v>1927</v>
      </c>
      <c r="C261"/>
      <c r="D261" s="7" t="s">
        <v>5032</v>
      </c>
      <c r="E261" s="1"/>
      <c r="F261" s="23" t="s">
        <v>2490</v>
      </c>
      <c r="G261"/>
      <c r="H261"/>
      <c r="I261"/>
      <c r="J261"/>
    </row>
    <row r="262" spans="1:10" x14ac:dyDescent="0.25">
      <c r="A262" s="7"/>
      <c r="B262"/>
      <c r="C262" s="23" t="s">
        <v>1927</v>
      </c>
      <c r="D262" s="23" t="s">
        <v>2241</v>
      </c>
      <c r="E262" s="1" t="str">
        <f t="shared" ref="E262" si="22" xml:space="preserve"> HYPERLINK(CONCATENATE("http://www.sap.com/community/tag.html?id=",$F262))</f>
        <v>http://www.sap.com/community/tag.html?id=73554900100800000203</v>
      </c>
      <c r="F262" s="23" t="s">
        <v>2491</v>
      </c>
      <c r="G262"/>
      <c r="H262"/>
      <c r="I262"/>
      <c r="J262"/>
    </row>
    <row r="263" spans="1:10" x14ac:dyDescent="0.25">
      <c r="A263" s="7"/>
      <c r="B263" s="23" t="s">
        <v>1480</v>
      </c>
      <c r="C263"/>
      <c r="D263" s="7" t="s">
        <v>5032</v>
      </c>
      <c r="E263" s="1"/>
      <c r="F263" s="23" t="s">
        <v>2492</v>
      </c>
      <c r="G263"/>
      <c r="H263"/>
      <c r="I263"/>
      <c r="J263"/>
    </row>
    <row r="264" spans="1:10" x14ac:dyDescent="0.25">
      <c r="A264" s="7"/>
      <c r="B264"/>
      <c r="C264" s="23" t="s">
        <v>745</v>
      </c>
      <c r="D264" s="23" t="s">
        <v>2241</v>
      </c>
      <c r="E264" s="1" t="str">
        <f t="shared" ref="E264" si="23" xml:space="preserve"> HYPERLINK(CONCATENATE("http://www.sap.com/community/tag.html?id=",$F264))</f>
        <v>http://www.sap.com/community/tag.html?id=01200615320800000708</v>
      </c>
      <c r="F264" s="23" t="s">
        <v>2493</v>
      </c>
      <c r="G264"/>
      <c r="H264"/>
      <c r="I264"/>
      <c r="J264"/>
    </row>
    <row r="265" spans="1:10" x14ac:dyDescent="0.25">
      <c r="A265" s="7"/>
      <c r="B265" s="23" t="s">
        <v>754</v>
      </c>
      <c r="C265"/>
      <c r="D265" s="7" t="s">
        <v>5032</v>
      </c>
      <c r="E265" s="1"/>
      <c r="F265" s="23" t="s">
        <v>2494</v>
      </c>
      <c r="G265"/>
      <c r="H265"/>
      <c r="I265"/>
      <c r="J265"/>
    </row>
    <row r="266" spans="1:10" x14ac:dyDescent="0.25">
      <c r="A266" s="7"/>
      <c r="B266"/>
      <c r="C266" s="23" t="s">
        <v>754</v>
      </c>
      <c r="D266" s="23" t="s">
        <v>2241</v>
      </c>
      <c r="E266" s="1" t="str">
        <f t="shared" ref="E266" si="24" xml:space="preserve"> HYPERLINK(CONCATENATE("http://www.sap.com/community/tag.html?id=",$F266))</f>
        <v>http://www.sap.com/community/tag.html?id=73554900100800000246</v>
      </c>
      <c r="F266" s="23" t="s">
        <v>2495</v>
      </c>
      <c r="G266"/>
      <c r="H266"/>
      <c r="I266"/>
      <c r="J266"/>
    </row>
    <row r="267" spans="1:10" x14ac:dyDescent="0.25">
      <c r="A267" s="7"/>
      <c r="B267" t="s">
        <v>1656</v>
      </c>
      <c r="C267" s="23"/>
      <c r="D267" s="7" t="s">
        <v>5032</v>
      </c>
      <c r="E267" s="1"/>
      <c r="F267" s="23" t="s">
        <v>2496</v>
      </c>
      <c r="G267"/>
      <c r="H267"/>
      <c r="I267"/>
      <c r="J267"/>
    </row>
    <row r="268" spans="1:10" x14ac:dyDescent="0.25">
      <c r="A268" s="7"/>
      <c r="B268"/>
      <c r="C268" s="23" t="s">
        <v>1656</v>
      </c>
      <c r="D268" s="23" t="s">
        <v>2241</v>
      </c>
      <c r="E268" s="1" t="str">
        <f t="shared" ref="E268:E270" si="25" xml:space="preserve"> HYPERLINK(CONCATENATE("http://www.sap.com/community/tag.html?id=",$F268))</f>
        <v>http://www.sap.com/community/tag.html?id=01200615320800000574</v>
      </c>
      <c r="F268" s="23" t="s">
        <v>2497</v>
      </c>
      <c r="G268"/>
      <c r="H268"/>
      <c r="I268"/>
      <c r="J268"/>
    </row>
    <row r="269" spans="1:10" x14ac:dyDescent="0.25">
      <c r="A269" s="7"/>
      <c r="B269" s="23"/>
      <c r="C269" t="s">
        <v>5041</v>
      </c>
      <c r="D269" s="23" t="s">
        <v>2241</v>
      </c>
      <c r="E269" s="1" t="str">
        <f t="shared" si="25"/>
        <v>http://www.sap.com/community/tag.html?id=73554900100800000768</v>
      </c>
      <c r="F269" s="23" t="s">
        <v>5087</v>
      </c>
      <c r="G269"/>
      <c r="H269"/>
      <c r="I269"/>
      <c r="J269"/>
    </row>
    <row r="270" spans="1:10" x14ac:dyDescent="0.25">
      <c r="A270" s="7"/>
      <c r="B270"/>
      <c r="C270" s="23" t="s">
        <v>498</v>
      </c>
      <c r="D270" s="23" t="s">
        <v>2241</v>
      </c>
      <c r="E270" s="1" t="str">
        <f t="shared" si="25"/>
        <v>http://www.sap.com/community/tag.html?id=67838200100800004188</v>
      </c>
      <c r="F270" s="23" t="s">
        <v>2498</v>
      </c>
      <c r="G270"/>
      <c r="H270"/>
      <c r="I270"/>
      <c r="J270"/>
    </row>
    <row r="271" spans="1:10" x14ac:dyDescent="0.25">
      <c r="A271" s="7"/>
      <c r="B271" s="23" t="s">
        <v>909</v>
      </c>
      <c r="C271"/>
      <c r="D271" s="7" t="s">
        <v>5032</v>
      </c>
      <c r="E271" s="1"/>
      <c r="F271" s="23" t="s">
        <v>2499</v>
      </c>
      <c r="G271"/>
      <c r="H271"/>
      <c r="I271"/>
      <c r="J271"/>
    </row>
    <row r="272" spans="1:10" x14ac:dyDescent="0.25">
      <c r="A272" s="7"/>
      <c r="B272"/>
      <c r="C272" s="23" t="s">
        <v>909</v>
      </c>
      <c r="D272" s="23" t="s">
        <v>2241</v>
      </c>
      <c r="E272" s="1" t="str">
        <f t="shared" ref="E272" si="26" xml:space="preserve"> HYPERLINK(CONCATENATE("http://www.sap.com/community/tag.html?id=",$F272))</f>
        <v>http://www.sap.com/community/tag.html?id=01200314690800001938</v>
      </c>
      <c r="F272" s="23" t="s">
        <v>2500</v>
      </c>
      <c r="G272"/>
      <c r="H272"/>
      <c r="I272"/>
      <c r="J272"/>
    </row>
    <row r="273" spans="1:10" x14ac:dyDescent="0.25">
      <c r="A273" s="7"/>
      <c r="B273" s="23" t="s">
        <v>563</v>
      </c>
      <c r="C273"/>
      <c r="D273" s="7" t="s">
        <v>5032</v>
      </c>
      <c r="E273" s="1"/>
      <c r="F273" s="23" t="s">
        <v>2501</v>
      </c>
      <c r="G273"/>
      <c r="H273"/>
      <c r="I273"/>
      <c r="J273"/>
    </row>
    <row r="274" spans="1:10" x14ac:dyDescent="0.25">
      <c r="A274" s="7"/>
      <c r="B274"/>
      <c r="C274" s="23" t="s">
        <v>563</v>
      </c>
      <c r="D274" s="23" t="s">
        <v>2241</v>
      </c>
      <c r="E274" s="1" t="str">
        <f t="shared" ref="E274" si="27" xml:space="preserve"> HYPERLINK(CONCATENATE("http://www.sap.com/community/tag.html?id=",$F274))</f>
        <v>http://www.sap.com/community/tag.html?id=67837800100800005971</v>
      </c>
      <c r="F274" s="23" t="s">
        <v>2502</v>
      </c>
      <c r="G274"/>
      <c r="H274"/>
      <c r="I274"/>
      <c r="J274"/>
    </row>
    <row r="275" spans="1:10" x14ac:dyDescent="0.25">
      <c r="A275" s="7"/>
      <c r="B275" s="23" t="s">
        <v>1420</v>
      </c>
      <c r="C275"/>
      <c r="D275" s="7" t="s">
        <v>5032</v>
      </c>
      <c r="E275" s="1"/>
      <c r="F275" s="23" t="s">
        <v>2503</v>
      </c>
      <c r="G275"/>
      <c r="H275"/>
      <c r="I275"/>
      <c r="J275"/>
    </row>
    <row r="276" spans="1:10" x14ac:dyDescent="0.25">
      <c r="A276" s="7"/>
      <c r="B276"/>
      <c r="C276" s="23" t="s">
        <v>1420</v>
      </c>
      <c r="D276" s="23" t="s">
        <v>2241</v>
      </c>
      <c r="E276" s="1" t="str">
        <f t="shared" ref="E276" si="28" xml:space="preserve"> HYPERLINK(CONCATENATE("http://www.sap.com/community/tag.html?id=",$F276))</f>
        <v>http://www.sap.com/community/tag.html?id=01200314690800001923</v>
      </c>
      <c r="F276" s="23" t="s">
        <v>2504</v>
      </c>
      <c r="G276"/>
      <c r="H276"/>
      <c r="I276"/>
      <c r="J276"/>
    </row>
    <row r="277" spans="1:10" x14ac:dyDescent="0.25">
      <c r="A277" s="7"/>
      <c r="B277" s="23" t="s">
        <v>704</v>
      </c>
      <c r="C277"/>
      <c r="D277" s="7" t="s">
        <v>5032</v>
      </c>
      <c r="E277" s="1"/>
      <c r="F277" s="23" t="s">
        <v>2505</v>
      </c>
      <c r="G277"/>
      <c r="H277"/>
      <c r="I277"/>
      <c r="J277"/>
    </row>
    <row r="278" spans="1:10" x14ac:dyDescent="0.25">
      <c r="A278" s="7"/>
      <c r="B278"/>
      <c r="C278" s="23" t="s">
        <v>704</v>
      </c>
      <c r="D278" s="23" t="s">
        <v>2241</v>
      </c>
      <c r="E278" s="1" t="str">
        <f t="shared" ref="E278" si="29" xml:space="preserve"> HYPERLINK(CONCATENATE("http://www.sap.com/community/tag.html?id=",$F278))</f>
        <v>http://www.sap.com/community/tag.html?id=01200314690800001937</v>
      </c>
      <c r="F278" s="23" t="s">
        <v>2506</v>
      </c>
      <c r="G278"/>
      <c r="H278"/>
      <c r="I278"/>
      <c r="J278"/>
    </row>
    <row r="279" spans="1:10" x14ac:dyDescent="0.25">
      <c r="A279" s="7"/>
      <c r="B279" s="23" t="s">
        <v>1053</v>
      </c>
      <c r="C279"/>
      <c r="D279" s="7" t="s">
        <v>5032</v>
      </c>
      <c r="E279" s="1"/>
      <c r="F279" s="23" t="s">
        <v>2507</v>
      </c>
      <c r="G279"/>
      <c r="H279"/>
      <c r="I279"/>
      <c r="J279"/>
    </row>
    <row r="280" spans="1:10" x14ac:dyDescent="0.25">
      <c r="A280" s="7"/>
      <c r="B280"/>
      <c r="C280" s="23" t="s">
        <v>1053</v>
      </c>
      <c r="D280" s="23" t="s">
        <v>2241</v>
      </c>
      <c r="E280" s="1" t="str">
        <f t="shared" ref="E280" si="30" xml:space="preserve"> HYPERLINK(CONCATENATE("http://www.sap.com/community/tag.html?id=",$F280))</f>
        <v>http://www.sap.com/community/tag.html?id=73554900100800000113</v>
      </c>
      <c r="F280" s="23" t="s">
        <v>2508</v>
      </c>
      <c r="G280"/>
      <c r="H280"/>
      <c r="I280"/>
      <c r="J280"/>
    </row>
    <row r="281" spans="1:10" x14ac:dyDescent="0.25">
      <c r="A281" s="7"/>
      <c r="B281" t="s">
        <v>1567</v>
      </c>
      <c r="C281" s="23"/>
      <c r="D281" s="7" t="s">
        <v>5032</v>
      </c>
      <c r="E281" s="1"/>
      <c r="F281" s="23" t="s">
        <v>2509</v>
      </c>
      <c r="G281"/>
      <c r="H281"/>
      <c r="I281"/>
      <c r="J281"/>
    </row>
    <row r="282" spans="1:10" x14ac:dyDescent="0.25">
      <c r="A282" s="7"/>
      <c r="B282" s="23"/>
      <c r="C282" t="s">
        <v>1848</v>
      </c>
      <c r="D282" s="23" t="s">
        <v>2241</v>
      </c>
      <c r="E282" s="1" t="str">
        <f t="shared" ref="E282:E283" si="31" xml:space="preserve"> HYPERLINK(CONCATENATE("http://www.sap.com/community/tag.html?id=",$F282))</f>
        <v>http://www.sap.com/community/tag.html?id=67838200100800006527</v>
      </c>
      <c r="F282" s="23" t="s">
        <v>2510</v>
      </c>
      <c r="G282"/>
      <c r="H282"/>
      <c r="I282"/>
      <c r="J282"/>
    </row>
    <row r="283" spans="1:10" x14ac:dyDescent="0.25">
      <c r="A283" s="7"/>
      <c r="B283"/>
      <c r="C283" s="23" t="s">
        <v>1567</v>
      </c>
      <c r="D283" s="23" t="s">
        <v>2241</v>
      </c>
      <c r="E283" s="1" t="str">
        <f t="shared" si="31"/>
        <v>http://www.sap.com/community/tag.html?id=73555000100800000143</v>
      </c>
      <c r="F283" s="23" t="s">
        <v>2511</v>
      </c>
      <c r="G283"/>
      <c r="H283"/>
      <c r="I283"/>
      <c r="J283"/>
    </row>
    <row r="284" spans="1:10" x14ac:dyDescent="0.25">
      <c r="A284" s="7"/>
      <c r="B284" t="s">
        <v>1530</v>
      </c>
      <c r="C284" s="23"/>
      <c r="D284" s="7" t="s">
        <v>5032</v>
      </c>
      <c r="E284" s="1"/>
      <c r="F284" s="23" t="s">
        <v>2512</v>
      </c>
      <c r="G284"/>
      <c r="H284"/>
      <c r="I284"/>
      <c r="J284"/>
    </row>
    <row r="285" spans="1:10" x14ac:dyDescent="0.25">
      <c r="A285" s="7"/>
      <c r="B285" s="23"/>
      <c r="C285" t="s">
        <v>1024</v>
      </c>
      <c r="D285" s="23" t="s">
        <v>2241</v>
      </c>
      <c r="E285" s="1" t="str">
        <f t="shared" ref="E285:E286" si="32" xml:space="preserve"> HYPERLINK(CONCATENATE("http://www.sap.com/community/tag.html?id=",$F285))</f>
        <v>http://www.sap.com/community/tag.html?id=67838200100800005209</v>
      </c>
      <c r="F285" s="23" t="s">
        <v>2513</v>
      </c>
      <c r="G285"/>
      <c r="H285"/>
      <c r="I285"/>
      <c r="J285"/>
    </row>
    <row r="286" spans="1:10" x14ac:dyDescent="0.25">
      <c r="A286" s="7"/>
      <c r="B286"/>
      <c r="C286" s="23" t="s">
        <v>1530</v>
      </c>
      <c r="D286" s="23" t="s">
        <v>2241</v>
      </c>
      <c r="E286" s="1" t="str">
        <f t="shared" si="32"/>
        <v>http://www.sap.com/community/tag.html?id=67837800100800004494</v>
      </c>
      <c r="F286" s="23" t="s">
        <v>2514</v>
      </c>
      <c r="G286"/>
      <c r="H286"/>
      <c r="I286"/>
      <c r="J286"/>
    </row>
    <row r="287" spans="1:10" x14ac:dyDescent="0.25">
      <c r="A287" s="7"/>
      <c r="B287" s="23" t="s">
        <v>2216</v>
      </c>
      <c r="C287"/>
      <c r="D287" s="7" t="s">
        <v>5032</v>
      </c>
      <c r="E287" s="1"/>
      <c r="F287" s="23" t="s">
        <v>2515</v>
      </c>
      <c r="G287"/>
      <c r="H287"/>
      <c r="I287"/>
      <c r="J287"/>
    </row>
    <row r="288" spans="1:10" x14ac:dyDescent="0.25">
      <c r="A288" s="7"/>
      <c r="B288"/>
      <c r="C288" s="23" t="s">
        <v>1899</v>
      </c>
      <c r="D288" s="23" t="s">
        <v>2241</v>
      </c>
      <c r="E288" s="1" t="str">
        <f t="shared" ref="E288" si="33" xml:space="preserve"> HYPERLINK(CONCATENATE("http://www.sap.com/community/tag.html?id=",$F288))</f>
        <v>http://www.sap.com/community/tag.html?id=67837800100800004926</v>
      </c>
      <c r="F288" s="23" t="s">
        <v>2516</v>
      </c>
      <c r="G288"/>
      <c r="H288"/>
      <c r="I288"/>
      <c r="J288"/>
    </row>
    <row r="289" spans="1:10" x14ac:dyDescent="0.25">
      <c r="A289" s="7"/>
      <c r="B289" t="s">
        <v>2117</v>
      </c>
      <c r="C289" s="23"/>
      <c r="D289" s="7" t="s">
        <v>5032</v>
      </c>
      <c r="E289" s="1"/>
      <c r="F289" s="23" t="s">
        <v>2517</v>
      </c>
      <c r="G289"/>
      <c r="H289"/>
      <c r="I289"/>
      <c r="J289"/>
    </row>
    <row r="290" spans="1:10" x14ac:dyDescent="0.25">
      <c r="A290" s="7"/>
      <c r="B290"/>
      <c r="C290" s="23" t="s">
        <v>2117</v>
      </c>
      <c r="D290" s="23" t="s">
        <v>2241</v>
      </c>
      <c r="E290" s="1" t="str">
        <f t="shared" ref="E290:E292" si="34" xml:space="preserve"> HYPERLINK(CONCATENATE("http://www.sap.com/community/tag.html?id=",$F290))</f>
        <v>http://www.sap.com/community/tag.html?id=01200314690800000209</v>
      </c>
      <c r="F290" s="23" t="s">
        <v>2518</v>
      </c>
      <c r="G290"/>
      <c r="H290"/>
      <c r="I290"/>
      <c r="J290"/>
    </row>
    <row r="291" spans="1:10" x14ac:dyDescent="0.25">
      <c r="A291" s="7"/>
      <c r="B291" s="23"/>
      <c r="C291" t="s">
        <v>5042</v>
      </c>
      <c r="D291" s="23" t="s">
        <v>2241</v>
      </c>
      <c r="E291" s="1" t="str">
        <f t="shared" si="34"/>
        <v>http://www.sap.com/community/tag.html?id=73555000100800000635</v>
      </c>
      <c r="F291" s="23" t="s">
        <v>5088</v>
      </c>
      <c r="G291"/>
      <c r="H291"/>
      <c r="I291"/>
      <c r="J291"/>
    </row>
    <row r="292" spans="1:10" x14ac:dyDescent="0.25">
      <c r="A292" s="7"/>
      <c r="B292"/>
      <c r="C292" s="23" t="s">
        <v>723</v>
      </c>
      <c r="D292" s="23" t="s">
        <v>2241</v>
      </c>
      <c r="E292" s="1" t="str">
        <f t="shared" si="34"/>
        <v>http://www.sap.com/community/tag.html?id=01200314690800001040</v>
      </c>
      <c r="F292" s="23" t="s">
        <v>2519</v>
      </c>
      <c r="G292"/>
      <c r="H292"/>
      <c r="I292"/>
      <c r="J292"/>
    </row>
    <row r="293" spans="1:10" x14ac:dyDescent="0.25">
      <c r="A293" s="7"/>
      <c r="B293" s="23" t="s">
        <v>918</v>
      </c>
      <c r="C293"/>
      <c r="D293" s="7" t="s">
        <v>5032</v>
      </c>
      <c r="E293" s="1"/>
      <c r="F293" s="23" t="s">
        <v>2520</v>
      </c>
      <c r="G293"/>
      <c r="H293"/>
      <c r="I293"/>
      <c r="J293"/>
    </row>
    <row r="294" spans="1:10" x14ac:dyDescent="0.25">
      <c r="A294" s="7"/>
      <c r="B294"/>
      <c r="C294" s="23" t="s">
        <v>744</v>
      </c>
      <c r="D294" s="23" t="s">
        <v>2241</v>
      </c>
      <c r="E294" s="1" t="str">
        <f t="shared" ref="E294" si="35" xml:space="preserve"> HYPERLINK(CONCATENATE("http://www.sap.com/community/tag.html?id=",$F294))</f>
        <v>http://www.sap.com/community/tag.html?id=01200615320800002967</v>
      </c>
      <c r="F294" s="23" t="s">
        <v>2521</v>
      </c>
      <c r="G294"/>
      <c r="H294"/>
      <c r="I294"/>
      <c r="J294"/>
    </row>
    <row r="295" spans="1:10" x14ac:dyDescent="0.25">
      <c r="A295" s="7"/>
      <c r="B295" t="s">
        <v>674</v>
      </c>
      <c r="C295" s="23"/>
      <c r="D295" s="7" t="s">
        <v>5032</v>
      </c>
      <c r="E295" s="1"/>
      <c r="F295" s="23" t="s">
        <v>2522</v>
      </c>
      <c r="G295"/>
      <c r="H295"/>
      <c r="I295"/>
      <c r="J295"/>
    </row>
    <row r="296" spans="1:10" x14ac:dyDescent="0.25">
      <c r="A296" s="7"/>
      <c r="B296" s="23"/>
      <c r="C296" t="s">
        <v>674</v>
      </c>
      <c r="D296" s="23" t="s">
        <v>2241</v>
      </c>
      <c r="E296" s="1" t="str">
        <f t="shared" ref="E296:E297" si="36" xml:space="preserve"> HYPERLINK(CONCATENATE("http://www.sap.com/community/tag.html?id=",$F296))</f>
        <v>http://www.sap.com/community/tag.html?id=67838200100800006758</v>
      </c>
      <c r="F296" s="23" t="s">
        <v>2523</v>
      </c>
      <c r="G296"/>
      <c r="H296"/>
      <c r="I296"/>
      <c r="J296"/>
    </row>
    <row r="297" spans="1:10" x14ac:dyDescent="0.25">
      <c r="A297" s="7"/>
      <c r="B297"/>
      <c r="C297" s="23" t="s">
        <v>2121</v>
      </c>
      <c r="D297" s="23" t="s">
        <v>2241</v>
      </c>
      <c r="E297" s="1" t="str">
        <f t="shared" si="36"/>
        <v>http://www.sap.com/community/tag.html?id=73555000100800000311</v>
      </c>
      <c r="F297" s="23" t="s">
        <v>2524</v>
      </c>
      <c r="G297"/>
      <c r="H297"/>
      <c r="I297"/>
      <c r="J297"/>
    </row>
    <row r="298" spans="1:10" x14ac:dyDescent="0.25">
      <c r="A298" s="7"/>
      <c r="B298" t="s">
        <v>542</v>
      </c>
      <c r="C298" s="23"/>
      <c r="D298" s="7" t="s">
        <v>5032</v>
      </c>
      <c r="E298" s="1"/>
      <c r="F298" s="23" t="s">
        <v>2525</v>
      </c>
      <c r="G298"/>
      <c r="H298"/>
      <c r="I298"/>
      <c r="J298"/>
    </row>
    <row r="299" spans="1:10" x14ac:dyDescent="0.25">
      <c r="A299" s="7"/>
      <c r="B299" s="23"/>
      <c r="C299" t="s">
        <v>542</v>
      </c>
      <c r="D299" s="23" t="s">
        <v>2241</v>
      </c>
      <c r="E299" s="1" t="str">
        <f t="shared" ref="E299:E300" si="37" xml:space="preserve"> HYPERLINK(CONCATENATE("http://www.sap.com/community/tag.html?id=",$F299))</f>
        <v>http://www.sap.com/community/tag.html?id=01200314690800000217</v>
      </c>
      <c r="F299" s="23" t="s">
        <v>2526</v>
      </c>
      <c r="G299"/>
      <c r="H299"/>
      <c r="I299"/>
      <c r="J299"/>
    </row>
    <row r="300" spans="1:10" x14ac:dyDescent="0.25">
      <c r="A300" s="7"/>
      <c r="B300"/>
      <c r="C300" s="23" t="s">
        <v>5043</v>
      </c>
      <c r="D300" s="23" t="s">
        <v>2241</v>
      </c>
      <c r="E300" s="1" t="str">
        <f t="shared" si="37"/>
        <v>http://www.sap.com/community/tag.html?id=73555000100800000636</v>
      </c>
      <c r="F300" s="23" t="s">
        <v>5089</v>
      </c>
      <c r="G300"/>
      <c r="H300"/>
      <c r="I300"/>
      <c r="J300"/>
    </row>
    <row r="301" spans="1:10" x14ac:dyDescent="0.25">
      <c r="A301" s="7"/>
      <c r="B301" t="s">
        <v>477</v>
      </c>
      <c r="C301" s="23"/>
      <c r="D301" s="7" t="s">
        <v>5032</v>
      </c>
      <c r="E301" s="1"/>
      <c r="F301" s="23" t="s">
        <v>2527</v>
      </c>
      <c r="G301"/>
      <c r="H301"/>
      <c r="I301"/>
      <c r="J301"/>
    </row>
    <row r="302" spans="1:10" x14ac:dyDescent="0.25">
      <c r="A302" s="7"/>
      <c r="B302" s="23"/>
      <c r="C302" t="s">
        <v>449</v>
      </c>
      <c r="D302" s="23" t="s">
        <v>2241</v>
      </c>
      <c r="E302" s="1" t="str">
        <f t="shared" ref="E302:E303" si="38" xml:space="preserve"> HYPERLINK(CONCATENATE("http://www.sap.com/community/tag.html?id=",$F302))</f>
        <v>http://www.sap.com/community/tag.html?id=73554900100800000412</v>
      </c>
      <c r="F302" s="23" t="s">
        <v>2528</v>
      </c>
      <c r="G302"/>
      <c r="H302"/>
      <c r="I302"/>
      <c r="J302"/>
    </row>
    <row r="303" spans="1:10" x14ac:dyDescent="0.25">
      <c r="A303" s="7"/>
      <c r="B303"/>
      <c r="C303" s="23" t="s">
        <v>608</v>
      </c>
      <c r="D303" s="23" t="s">
        <v>2241</v>
      </c>
      <c r="E303" s="1" t="str">
        <f t="shared" si="38"/>
        <v>http://www.sap.com/community/tag.html?id=73554900100800000400</v>
      </c>
      <c r="F303" s="23" t="s">
        <v>2529</v>
      </c>
      <c r="G303"/>
      <c r="H303"/>
      <c r="I303"/>
      <c r="J303"/>
    </row>
    <row r="304" spans="1:10" x14ac:dyDescent="0.25">
      <c r="A304" s="7"/>
      <c r="B304" t="s">
        <v>1059</v>
      </c>
      <c r="C304" s="23"/>
      <c r="D304" s="7" t="s">
        <v>5032</v>
      </c>
      <c r="E304" s="1"/>
      <c r="F304" s="23" t="s">
        <v>2530</v>
      </c>
      <c r="G304"/>
      <c r="H304"/>
      <c r="I304"/>
      <c r="J304"/>
    </row>
    <row r="305" spans="1:10" x14ac:dyDescent="0.25">
      <c r="A305" s="7"/>
      <c r="B305"/>
      <c r="C305" s="23" t="s">
        <v>1059</v>
      </c>
      <c r="D305" s="23" t="s">
        <v>2241</v>
      </c>
      <c r="E305" s="1" t="str">
        <f t="shared" ref="E305:E307" si="39" xml:space="preserve"> HYPERLINK(CONCATENATE("http://www.sap.com/community/tag.html?id=",$F305))</f>
        <v>http://www.sap.com/community/tag.html?id=01200615320800002971</v>
      </c>
      <c r="F305" s="23" t="s">
        <v>2531</v>
      </c>
      <c r="G305"/>
      <c r="H305"/>
      <c r="I305"/>
      <c r="J305"/>
    </row>
    <row r="306" spans="1:10" x14ac:dyDescent="0.25">
      <c r="A306" s="7"/>
      <c r="B306" s="23"/>
      <c r="C306" t="s">
        <v>1355</v>
      </c>
      <c r="D306" s="23" t="s">
        <v>2241</v>
      </c>
      <c r="E306" s="1" t="str">
        <f t="shared" si="39"/>
        <v>http://www.sap.com/community/tag.html?id=67837800100800004306</v>
      </c>
      <c r="F306" s="23" t="s">
        <v>2532</v>
      </c>
      <c r="G306"/>
      <c r="H306"/>
      <c r="I306"/>
      <c r="J306"/>
    </row>
    <row r="307" spans="1:10" x14ac:dyDescent="0.25">
      <c r="A307" s="7"/>
      <c r="B307"/>
      <c r="C307" s="23" t="s">
        <v>355</v>
      </c>
      <c r="D307" s="23" t="s">
        <v>2241</v>
      </c>
      <c r="E307" s="1" t="str">
        <f t="shared" si="39"/>
        <v>http://www.sap.com/community/tag.html?id=01200314690800002588</v>
      </c>
      <c r="F307" s="23" t="s">
        <v>2533</v>
      </c>
      <c r="G307"/>
      <c r="H307"/>
      <c r="I307"/>
      <c r="J307"/>
    </row>
    <row r="308" spans="1:10" x14ac:dyDescent="0.25">
      <c r="A308" s="7"/>
      <c r="B308" s="23" t="s">
        <v>1569</v>
      </c>
      <c r="C308"/>
      <c r="D308" s="7" t="s">
        <v>5032</v>
      </c>
      <c r="E308" s="1"/>
      <c r="F308" s="23" t="s">
        <v>2534</v>
      </c>
      <c r="G308"/>
      <c r="H308"/>
      <c r="I308"/>
      <c r="J308"/>
    </row>
    <row r="309" spans="1:10" x14ac:dyDescent="0.25">
      <c r="A309" s="7"/>
      <c r="B309"/>
      <c r="C309" s="23" t="s">
        <v>1569</v>
      </c>
      <c r="D309" s="23" t="s">
        <v>2241</v>
      </c>
      <c r="E309" s="1" t="str">
        <f t="shared" ref="E309" si="40" xml:space="preserve"> HYPERLINK(CONCATENATE("http://www.sap.com/community/tag.html?id=",$F309))</f>
        <v>http://www.sap.com/community/tag.html?id=73554900100800000321</v>
      </c>
      <c r="F309" s="23" t="s">
        <v>2535</v>
      </c>
      <c r="G309"/>
      <c r="H309"/>
      <c r="I309"/>
      <c r="J309"/>
    </row>
    <row r="310" spans="1:10" x14ac:dyDescent="0.25">
      <c r="A310" s="7"/>
      <c r="B310" s="23" t="s">
        <v>90</v>
      </c>
      <c r="C310"/>
      <c r="D310" s="7" t="s">
        <v>5032</v>
      </c>
      <c r="E310" s="1"/>
      <c r="F310" s="23" t="s">
        <v>2536</v>
      </c>
      <c r="G310"/>
      <c r="H310"/>
      <c r="I310"/>
      <c r="J310"/>
    </row>
    <row r="311" spans="1:10" x14ac:dyDescent="0.25">
      <c r="A311" s="7"/>
      <c r="B311"/>
      <c r="C311" s="23" t="s">
        <v>90</v>
      </c>
      <c r="D311" s="23" t="s">
        <v>2241</v>
      </c>
      <c r="E311" s="1" t="str">
        <f t="shared" ref="E311" si="41" xml:space="preserve"> HYPERLINK(CONCATENATE("http://www.sap.com/community/tag.html?id=",$F311))</f>
        <v>http://www.sap.com/community/tag.html?id=01200314690800001939</v>
      </c>
      <c r="F311" s="23" t="s">
        <v>2537</v>
      </c>
      <c r="G311"/>
      <c r="H311"/>
      <c r="I311"/>
      <c r="J311"/>
    </row>
    <row r="312" spans="1:10" x14ac:dyDescent="0.25">
      <c r="A312" s="7"/>
      <c r="B312" s="23" t="s">
        <v>5417</v>
      </c>
      <c r="C312"/>
      <c r="D312" s="7" t="s">
        <v>5032</v>
      </c>
      <c r="E312" s="1"/>
      <c r="F312" s="23" t="s">
        <v>5416</v>
      </c>
      <c r="G312"/>
      <c r="H312"/>
      <c r="I312"/>
      <c r="J312"/>
    </row>
    <row r="313" spans="1:10" x14ac:dyDescent="0.25">
      <c r="A313" s="7"/>
      <c r="B313"/>
      <c r="C313" s="23" t="s">
        <v>5417</v>
      </c>
      <c r="D313" s="23" t="s">
        <v>2241</v>
      </c>
      <c r="E313" s="1" t="str">
        <f t="shared" ref="E313" si="42" xml:space="preserve"> HYPERLINK(CONCATENATE("http://www.sap.com/community/tag.html?id=",$F313))</f>
        <v>http://www.sap.com/community/tag.html?id=73555000100800000030</v>
      </c>
      <c r="F313" s="23" t="s">
        <v>5418</v>
      </c>
      <c r="G313"/>
      <c r="H313"/>
      <c r="I313"/>
      <c r="J313"/>
    </row>
    <row r="314" spans="1:10" x14ac:dyDescent="0.25">
      <c r="A314" s="7"/>
      <c r="B314" t="s">
        <v>1496</v>
      </c>
      <c r="C314" s="23"/>
      <c r="D314" s="7" t="s">
        <v>5032</v>
      </c>
      <c r="E314" s="1"/>
      <c r="F314" s="23" t="s">
        <v>2538</v>
      </c>
      <c r="G314"/>
      <c r="H314"/>
      <c r="I314"/>
      <c r="J314"/>
    </row>
    <row r="315" spans="1:10" x14ac:dyDescent="0.25">
      <c r="A315" s="7"/>
      <c r="B315" s="23"/>
      <c r="C315" t="s">
        <v>1496</v>
      </c>
      <c r="D315" s="23" t="s">
        <v>2241</v>
      </c>
      <c r="E315" s="1" t="str">
        <f t="shared" ref="E315" si="43" xml:space="preserve"> HYPERLINK(CONCATENATE("http://www.sap.com/community/tag.html?id=",$F315))</f>
        <v>http://www.sap.com/community/tag.html?id=73555000100800000438</v>
      </c>
      <c r="F315" s="23" t="s">
        <v>2539</v>
      </c>
      <c r="G315"/>
      <c r="H315"/>
      <c r="I315"/>
      <c r="J315"/>
    </row>
    <row r="316" spans="1:10" x14ac:dyDescent="0.25">
      <c r="A316" s="7"/>
      <c r="B316" t="s">
        <v>116</v>
      </c>
      <c r="C316" s="23"/>
      <c r="D316" s="7" t="s">
        <v>5032</v>
      </c>
      <c r="E316" s="1"/>
      <c r="F316" s="23" t="s">
        <v>2540</v>
      </c>
      <c r="G316"/>
      <c r="H316"/>
      <c r="I316"/>
      <c r="J316"/>
    </row>
    <row r="317" spans="1:10" x14ac:dyDescent="0.25">
      <c r="A317" s="7"/>
      <c r="B317" s="23"/>
      <c r="C317" t="s">
        <v>1256</v>
      </c>
      <c r="D317" s="23" t="s">
        <v>2241</v>
      </c>
      <c r="E317" s="1" t="str">
        <f t="shared" ref="E317:E318" si="44" xml:space="preserve"> HYPERLINK(CONCATENATE("http://www.sap.com/community/tag.html?id=",$F317))</f>
        <v>http://www.sap.com/community/tag.html?id=01200314690800000239</v>
      </c>
      <c r="F317" s="23" t="s">
        <v>2541</v>
      </c>
      <c r="G317"/>
      <c r="H317"/>
      <c r="I317"/>
      <c r="J317"/>
    </row>
    <row r="318" spans="1:10" x14ac:dyDescent="0.25">
      <c r="A318" s="7"/>
      <c r="B318"/>
      <c r="C318" s="23" t="s">
        <v>1700</v>
      </c>
      <c r="D318" s="23" t="s">
        <v>2241</v>
      </c>
      <c r="E318" s="1" t="str">
        <f t="shared" si="44"/>
        <v>http://www.sap.com/community/tag.html?id=01200314690800000240</v>
      </c>
      <c r="F318" s="23" t="s">
        <v>2542</v>
      </c>
      <c r="G318"/>
      <c r="H318"/>
      <c r="I318"/>
      <c r="J318"/>
    </row>
    <row r="319" spans="1:10" x14ac:dyDescent="0.25">
      <c r="A319" s="7"/>
      <c r="B319" s="23" t="s">
        <v>215</v>
      </c>
      <c r="C319"/>
      <c r="D319" s="7" t="s">
        <v>5032</v>
      </c>
      <c r="E319" s="1"/>
      <c r="F319" s="23" t="s">
        <v>2543</v>
      </c>
      <c r="G319"/>
      <c r="H319"/>
      <c r="I319"/>
      <c r="J319"/>
    </row>
    <row r="320" spans="1:10" x14ac:dyDescent="0.25">
      <c r="A320" s="7"/>
      <c r="B320"/>
      <c r="C320" s="23" t="s">
        <v>215</v>
      </c>
      <c r="D320" s="23" t="s">
        <v>2241</v>
      </c>
      <c r="E320" s="1" t="str">
        <f t="shared" ref="E320" si="45" xml:space="preserve"> HYPERLINK(CONCATENATE("http://www.sap.com/community/tag.html?id=",$F320))</f>
        <v>http://www.sap.com/community/tag.html?id=67838200100800006349</v>
      </c>
      <c r="F320" s="23" t="s">
        <v>2544</v>
      </c>
      <c r="G320"/>
      <c r="H320"/>
      <c r="I320"/>
      <c r="J320"/>
    </row>
    <row r="321" spans="1:10" x14ac:dyDescent="0.25">
      <c r="A321" s="7"/>
      <c r="B321" t="s">
        <v>5374</v>
      </c>
      <c r="C321" s="23"/>
      <c r="D321" s="7" t="s">
        <v>5032</v>
      </c>
      <c r="E321" s="1"/>
      <c r="F321" s="23" t="s">
        <v>5339</v>
      </c>
      <c r="G321"/>
      <c r="H321"/>
      <c r="I321"/>
      <c r="J321"/>
    </row>
    <row r="322" spans="1:10" x14ac:dyDescent="0.25">
      <c r="A322" s="7"/>
      <c r="B322" s="23"/>
      <c r="C322" t="s">
        <v>5375</v>
      </c>
      <c r="D322" s="23" t="s">
        <v>2241</v>
      </c>
      <c r="E322" s="1" t="str">
        <f t="shared" ref="E322" si="46" xml:space="preserve"> HYPERLINK(CONCATENATE("http://www.sap.com/community/tag.html?id=",$F322))</f>
        <v>http://www.sap.com/community/tag.html?id=73554900100800000784</v>
      </c>
      <c r="F322" s="23" t="s">
        <v>5340</v>
      </c>
      <c r="G322"/>
      <c r="H322"/>
      <c r="I322"/>
      <c r="J322"/>
    </row>
    <row r="323" spans="1:10" x14ac:dyDescent="0.25">
      <c r="A323" s="7"/>
      <c r="B323" t="s">
        <v>1332</v>
      </c>
      <c r="C323" s="23"/>
      <c r="D323" s="7" t="s">
        <v>5032</v>
      </c>
      <c r="E323" s="1"/>
      <c r="F323" s="23" t="s">
        <v>2545</v>
      </c>
      <c r="G323"/>
      <c r="H323"/>
      <c r="I323"/>
      <c r="J323"/>
    </row>
    <row r="324" spans="1:10" x14ac:dyDescent="0.25">
      <c r="A324" s="7"/>
      <c r="B324"/>
      <c r="C324" s="23" t="s">
        <v>1332</v>
      </c>
      <c r="D324" s="23" t="s">
        <v>2241</v>
      </c>
      <c r="E324" s="1" t="str">
        <f t="shared" ref="E324:E325" si="47" xml:space="preserve"> HYPERLINK(CONCATENATE("http://www.sap.com/community/tag.html?id=",$F324))</f>
        <v>http://www.sap.com/community/tag.html?id=73554900100800000367</v>
      </c>
      <c r="F324" s="23" t="s">
        <v>2546</v>
      </c>
      <c r="G324"/>
      <c r="H324"/>
      <c r="I324"/>
      <c r="J324"/>
    </row>
    <row r="325" spans="1:10" x14ac:dyDescent="0.25">
      <c r="A325" s="7"/>
      <c r="B325"/>
      <c r="C325" s="23" t="s">
        <v>838</v>
      </c>
      <c r="D325" s="23" t="s">
        <v>2241</v>
      </c>
      <c r="E325" s="1" t="str">
        <f t="shared" si="47"/>
        <v>http://www.sap.com/community/tag.html?id=73554900100800000493</v>
      </c>
      <c r="F325" s="23" t="s">
        <v>2547</v>
      </c>
      <c r="G325"/>
      <c r="H325"/>
      <c r="I325"/>
      <c r="J325"/>
    </row>
    <row r="326" spans="1:10" x14ac:dyDescent="0.25">
      <c r="A326" s="7"/>
      <c r="B326" t="s">
        <v>2231</v>
      </c>
      <c r="C326" s="23"/>
      <c r="D326" s="7" t="s">
        <v>5032</v>
      </c>
      <c r="E326" s="1"/>
      <c r="F326" s="23" t="s">
        <v>2548</v>
      </c>
      <c r="G326"/>
      <c r="H326"/>
      <c r="I326"/>
      <c r="J326"/>
    </row>
    <row r="327" spans="1:10" x14ac:dyDescent="0.25">
      <c r="A327" s="7"/>
      <c r="B327"/>
      <c r="C327" s="23" t="s">
        <v>1084</v>
      </c>
      <c r="D327" s="23" t="s">
        <v>2241</v>
      </c>
      <c r="E327" s="1" t="str">
        <f t="shared" ref="E327:E331" si="48" xml:space="preserve"> HYPERLINK(CONCATENATE("http://www.sap.com/community/tag.html?id=",$F327))</f>
        <v>http://www.sap.com/community/tag.html?id=73554900100800000411</v>
      </c>
      <c r="F327" s="23" t="s">
        <v>2549</v>
      </c>
      <c r="G327"/>
      <c r="H327"/>
      <c r="I327"/>
      <c r="J327"/>
    </row>
    <row r="328" spans="1:10" x14ac:dyDescent="0.25">
      <c r="A328" s="7"/>
      <c r="B328" s="23"/>
      <c r="C328" t="s">
        <v>5044</v>
      </c>
      <c r="D328" s="23" t="s">
        <v>2241</v>
      </c>
      <c r="E328" s="1" t="str">
        <f t="shared" si="48"/>
        <v>http://www.sap.com/community/tag.html?id=73555000100800000434</v>
      </c>
      <c r="F328" s="23" t="s">
        <v>5090</v>
      </c>
      <c r="G328"/>
      <c r="H328"/>
      <c r="I328"/>
      <c r="J328"/>
    </row>
    <row r="329" spans="1:10" x14ac:dyDescent="0.25">
      <c r="A329" s="7"/>
      <c r="B329"/>
      <c r="C329" s="23" t="s">
        <v>5045</v>
      </c>
      <c r="D329" s="23" t="s">
        <v>2241</v>
      </c>
      <c r="E329" s="1" t="str">
        <f t="shared" si="48"/>
        <v>http://www.sap.com/community/tag.html?id=73555000100800000433</v>
      </c>
      <c r="F329" s="23" t="s">
        <v>5091</v>
      </c>
      <c r="G329"/>
      <c r="H329"/>
      <c r="I329"/>
      <c r="J329"/>
    </row>
    <row r="330" spans="1:10" x14ac:dyDescent="0.25">
      <c r="A330" s="7"/>
      <c r="B330"/>
      <c r="C330" s="23" t="s">
        <v>5046</v>
      </c>
      <c r="D330" s="23" t="s">
        <v>2241</v>
      </c>
      <c r="E330" s="1" t="str">
        <f t="shared" si="48"/>
        <v>http://www.sap.com/community/tag.html?id=67838200100800005451</v>
      </c>
      <c r="F330" s="23" t="s">
        <v>2566</v>
      </c>
      <c r="G330"/>
      <c r="H330"/>
      <c r="I330"/>
      <c r="J330"/>
    </row>
    <row r="331" spans="1:10" x14ac:dyDescent="0.25">
      <c r="A331" s="7"/>
      <c r="B331"/>
      <c r="C331" s="23" t="s">
        <v>5047</v>
      </c>
      <c r="D331" s="23" t="s">
        <v>2241</v>
      </c>
      <c r="E331" s="1" t="str">
        <f t="shared" si="48"/>
        <v>http://www.sap.com/community/tag.html?id=73555000100800000435</v>
      </c>
      <c r="F331" s="23" t="s">
        <v>5092</v>
      </c>
      <c r="G331"/>
      <c r="H331"/>
      <c r="I331"/>
      <c r="J331"/>
    </row>
    <row r="332" spans="1:10" x14ac:dyDescent="0.25">
      <c r="A332" s="7"/>
      <c r="B332" s="23" t="s">
        <v>558</v>
      </c>
      <c r="C332"/>
      <c r="D332" s="7" t="s">
        <v>5032</v>
      </c>
      <c r="E332" s="1"/>
      <c r="F332" s="23" t="s">
        <v>2550</v>
      </c>
      <c r="G332"/>
      <c r="H332"/>
      <c r="I332"/>
      <c r="J332"/>
    </row>
    <row r="333" spans="1:10" x14ac:dyDescent="0.25">
      <c r="A333" s="7"/>
      <c r="B333"/>
      <c r="C333" s="23" t="s">
        <v>558</v>
      </c>
      <c r="D333" s="23" t="s">
        <v>2241</v>
      </c>
      <c r="E333" s="1" t="str">
        <f t="shared" ref="E333:E335" si="49" xml:space="preserve"> HYPERLINK(CONCATENATE("http://www.sap.com/community/tag.html?id=",$F333))</f>
        <v>http://www.sap.com/community/tag.html?id=01200314690800001338</v>
      </c>
      <c r="F333" s="23" t="s">
        <v>2551</v>
      </c>
      <c r="G333"/>
      <c r="H333"/>
      <c r="I333"/>
      <c r="J333"/>
    </row>
    <row r="334" spans="1:10" x14ac:dyDescent="0.25">
      <c r="A334" s="7"/>
      <c r="B334" s="23"/>
      <c r="C334" t="s">
        <v>719</v>
      </c>
      <c r="D334" s="23" t="s">
        <v>2241</v>
      </c>
      <c r="E334" s="1" t="str">
        <f t="shared" si="49"/>
        <v>http://www.sap.com/community/tag.html?id=73554900100800000473</v>
      </c>
      <c r="F334" s="23" t="s">
        <v>2552</v>
      </c>
      <c r="G334"/>
      <c r="H334"/>
      <c r="I334"/>
      <c r="J334"/>
    </row>
    <row r="335" spans="1:10" x14ac:dyDescent="0.25">
      <c r="A335" s="7"/>
      <c r="B335"/>
      <c r="C335" s="23" t="s">
        <v>5376</v>
      </c>
      <c r="D335" s="23" t="s">
        <v>2241</v>
      </c>
      <c r="E335" s="1" t="str">
        <f t="shared" si="49"/>
        <v>http://www.sap.com/community/tag.html?id=73554900100800000779</v>
      </c>
      <c r="F335" s="23" t="s">
        <v>5341</v>
      </c>
      <c r="G335"/>
      <c r="H335"/>
      <c r="I335"/>
      <c r="J335"/>
    </row>
    <row r="336" spans="1:10" x14ac:dyDescent="0.25">
      <c r="A336" s="7"/>
      <c r="B336" s="23" t="s">
        <v>1312</v>
      </c>
      <c r="C336"/>
      <c r="D336" s="7" t="s">
        <v>5032</v>
      </c>
      <c r="E336" s="1"/>
      <c r="F336" s="23" t="s">
        <v>2553</v>
      </c>
      <c r="G336"/>
      <c r="H336"/>
      <c r="I336"/>
      <c r="J336"/>
    </row>
    <row r="337" spans="1:10" x14ac:dyDescent="0.25">
      <c r="A337" s="7"/>
      <c r="B337"/>
      <c r="C337" s="23" t="s">
        <v>1312</v>
      </c>
      <c r="D337" s="23" t="s">
        <v>2241</v>
      </c>
      <c r="E337" s="1" t="str">
        <f t="shared" ref="E337" si="50" xml:space="preserve"> HYPERLINK(CONCATENATE("http://www.sap.com/community/tag.html?id=",$F337))</f>
        <v>http://www.sap.com/community/tag.html?id=01200314690800001388</v>
      </c>
      <c r="F337" s="23" t="s">
        <v>2554</v>
      </c>
      <c r="G337"/>
      <c r="H337"/>
      <c r="I337"/>
      <c r="J337"/>
    </row>
    <row r="338" spans="1:10" x14ac:dyDescent="0.25">
      <c r="A338" s="7"/>
      <c r="B338" t="s">
        <v>2007</v>
      </c>
      <c r="C338" s="23"/>
      <c r="D338" s="7" t="s">
        <v>5032</v>
      </c>
      <c r="E338" s="1"/>
      <c r="F338" s="23" t="s">
        <v>2555</v>
      </c>
      <c r="G338"/>
      <c r="H338"/>
      <c r="I338"/>
      <c r="J338"/>
    </row>
    <row r="339" spans="1:10" x14ac:dyDescent="0.25">
      <c r="A339" s="7"/>
      <c r="B339"/>
      <c r="C339" s="23" t="s">
        <v>2007</v>
      </c>
      <c r="D339" s="23" t="s">
        <v>2241</v>
      </c>
      <c r="E339" s="1" t="str">
        <f t="shared" ref="E339" si="51" xml:space="preserve"> HYPERLINK(CONCATENATE("http://www.sap.com/community/tag.html?id=",$F339))</f>
        <v>http://www.sap.com/community/tag.html?id=73555000100800000219</v>
      </c>
      <c r="F339" s="23" t="s">
        <v>2556</v>
      </c>
      <c r="G339"/>
      <c r="H339"/>
      <c r="I339"/>
      <c r="J339"/>
    </row>
    <row r="340" spans="1:10" x14ac:dyDescent="0.25">
      <c r="A340" s="7"/>
      <c r="B340" t="s">
        <v>1023</v>
      </c>
      <c r="C340" s="23"/>
      <c r="D340" s="7" t="s">
        <v>5032</v>
      </c>
      <c r="E340" s="1"/>
      <c r="F340" s="23" t="s">
        <v>2557</v>
      </c>
      <c r="G340"/>
      <c r="H340"/>
      <c r="I340"/>
      <c r="J340"/>
    </row>
    <row r="341" spans="1:10" x14ac:dyDescent="0.25">
      <c r="A341" s="7"/>
      <c r="B341"/>
      <c r="C341" s="23" t="s">
        <v>1957</v>
      </c>
      <c r="D341" s="23" t="s">
        <v>2241</v>
      </c>
      <c r="E341" s="1" t="str">
        <f t="shared" ref="E341:E345" si="52" xml:space="preserve"> HYPERLINK(CONCATENATE("http://www.sap.com/community/tag.html?id=",$F341))</f>
        <v>http://www.sap.com/community/tag.html?id=67837800100800006333</v>
      </c>
      <c r="F341" s="23" t="s">
        <v>2558</v>
      </c>
      <c r="G341"/>
      <c r="H341"/>
      <c r="I341"/>
      <c r="J341"/>
    </row>
    <row r="342" spans="1:10" x14ac:dyDescent="0.25">
      <c r="A342" s="7"/>
      <c r="B342" s="23"/>
      <c r="C342" t="s">
        <v>1987</v>
      </c>
      <c r="D342" s="23" t="s">
        <v>2241</v>
      </c>
      <c r="E342" s="1" t="str">
        <f t="shared" si="52"/>
        <v>http://www.sap.com/community/tag.html?id=73555000100800000172</v>
      </c>
      <c r="F342" s="23" t="s">
        <v>2559</v>
      </c>
      <c r="G342"/>
      <c r="H342"/>
      <c r="I342"/>
      <c r="J342"/>
    </row>
    <row r="343" spans="1:10" x14ac:dyDescent="0.25">
      <c r="A343" s="7"/>
      <c r="B343"/>
      <c r="C343" s="23" t="s">
        <v>53</v>
      </c>
      <c r="D343" s="23" t="s">
        <v>2241</v>
      </c>
      <c r="E343" s="1" t="str">
        <f t="shared" si="52"/>
        <v>http://www.sap.com/community/tag.html?id=73554900100800000225</v>
      </c>
      <c r="F343" s="23" t="s">
        <v>2560</v>
      </c>
      <c r="G343"/>
      <c r="H343"/>
      <c r="I343"/>
      <c r="J343"/>
    </row>
    <row r="344" spans="1:10" x14ac:dyDescent="0.25">
      <c r="A344" s="7"/>
      <c r="B344" s="23"/>
      <c r="C344" t="s">
        <v>799</v>
      </c>
      <c r="D344" s="23" t="s">
        <v>2241</v>
      </c>
      <c r="E344" s="1" t="str">
        <f t="shared" si="52"/>
        <v>http://www.sap.com/community/tag.html?id=73554900100800000121</v>
      </c>
      <c r="F344" s="23" t="s">
        <v>2561</v>
      </c>
      <c r="G344"/>
      <c r="H344"/>
      <c r="I344"/>
      <c r="J344"/>
    </row>
    <row r="345" spans="1:10" x14ac:dyDescent="0.25">
      <c r="A345" s="7"/>
      <c r="B345"/>
      <c r="C345" s="23" t="s">
        <v>1446</v>
      </c>
      <c r="D345" s="23" t="s">
        <v>2241</v>
      </c>
      <c r="E345" s="1" t="str">
        <f t="shared" si="52"/>
        <v>http://www.sap.com/community/tag.html?id=67837800100800006464</v>
      </c>
      <c r="F345" s="23" t="s">
        <v>2562</v>
      </c>
      <c r="G345"/>
      <c r="H345"/>
      <c r="I345"/>
      <c r="J345"/>
    </row>
    <row r="346" spans="1:10" x14ac:dyDescent="0.25">
      <c r="A346" s="7"/>
      <c r="B346" t="s">
        <v>5048</v>
      </c>
      <c r="C346" s="23"/>
      <c r="D346" s="7" t="s">
        <v>5032</v>
      </c>
      <c r="E346" s="1"/>
      <c r="F346" s="23" t="s">
        <v>5093</v>
      </c>
      <c r="G346"/>
      <c r="H346"/>
      <c r="I346"/>
      <c r="J346"/>
    </row>
    <row r="347" spans="1:10" x14ac:dyDescent="0.25">
      <c r="A347" s="7"/>
      <c r="B347"/>
      <c r="C347" s="23" t="s">
        <v>5049</v>
      </c>
      <c r="D347" s="23" t="s">
        <v>2241</v>
      </c>
      <c r="E347" s="1" t="str">
        <f t="shared" ref="E347" si="53" xml:space="preserve"> HYPERLINK(CONCATENATE("http://www.sap.com/community/tag.html?id=",$F347))</f>
        <v>http://www.sap.com/community/tag.html?id=73555000100800000292</v>
      </c>
      <c r="F347" s="23" t="s">
        <v>5094</v>
      </c>
      <c r="G347"/>
      <c r="H347"/>
      <c r="I347"/>
      <c r="J347"/>
    </row>
    <row r="348" spans="1:10" x14ac:dyDescent="0.25">
      <c r="A348" s="7"/>
      <c r="B348" t="s">
        <v>701</v>
      </c>
      <c r="C348" s="23"/>
      <c r="D348" s="7" t="s">
        <v>5032</v>
      </c>
      <c r="E348" s="1"/>
      <c r="F348" s="23" t="s">
        <v>2563</v>
      </c>
      <c r="G348"/>
      <c r="H348"/>
      <c r="I348"/>
      <c r="J348"/>
    </row>
    <row r="349" spans="1:10" x14ac:dyDescent="0.25">
      <c r="A349" s="7"/>
      <c r="B349"/>
      <c r="C349" s="23" t="s">
        <v>1954</v>
      </c>
      <c r="D349" s="23" t="s">
        <v>2241</v>
      </c>
      <c r="E349" s="1" t="str">
        <f t="shared" ref="E349:E354" si="54" xml:space="preserve"> HYPERLINK(CONCATENATE("http://www.sap.com/community/tag.html?id=",$F349))</f>
        <v>http://www.sap.com/community/tag.html?id=67838200100800006218</v>
      </c>
      <c r="F349" s="23" t="s">
        <v>2564</v>
      </c>
      <c r="G349"/>
      <c r="H349"/>
      <c r="I349"/>
      <c r="J349"/>
    </row>
    <row r="350" spans="1:10" x14ac:dyDescent="0.25">
      <c r="A350" s="7"/>
      <c r="B350"/>
      <c r="C350" s="23" t="s">
        <v>641</v>
      </c>
      <c r="D350" s="23" t="s">
        <v>2241</v>
      </c>
      <c r="E350" s="1" t="str">
        <f t="shared" si="54"/>
        <v>http://www.sap.com/community/tag.html?id=67838200100800005453</v>
      </c>
      <c r="F350" s="23" t="s">
        <v>2565</v>
      </c>
      <c r="G350"/>
      <c r="H350"/>
      <c r="I350"/>
      <c r="J350"/>
    </row>
    <row r="351" spans="1:10" x14ac:dyDescent="0.25">
      <c r="A351" s="7"/>
      <c r="B351" s="23"/>
      <c r="C351" t="s">
        <v>1554</v>
      </c>
      <c r="D351" s="23" t="s">
        <v>2241</v>
      </c>
      <c r="E351" s="1" t="str">
        <f t="shared" si="54"/>
        <v>http://www.sap.com/community/tag.html?id=67837800100800007349</v>
      </c>
      <c r="F351" s="23" t="s">
        <v>2567</v>
      </c>
      <c r="G351"/>
      <c r="H351"/>
      <c r="I351"/>
      <c r="J351"/>
    </row>
    <row r="352" spans="1:10" x14ac:dyDescent="0.25">
      <c r="A352" s="7"/>
      <c r="B352"/>
      <c r="C352" s="23" t="s">
        <v>1690</v>
      </c>
      <c r="D352" s="23" t="s">
        <v>2241</v>
      </c>
      <c r="E352" s="1" t="str">
        <f t="shared" si="54"/>
        <v>http://www.sap.com/community/tag.html?id=67838200100800005454</v>
      </c>
      <c r="F352" s="23" t="s">
        <v>2568</v>
      </c>
      <c r="G352"/>
      <c r="H352"/>
      <c r="I352"/>
      <c r="J352"/>
    </row>
    <row r="353" spans="1:10" x14ac:dyDescent="0.25">
      <c r="A353" s="7"/>
      <c r="B353" s="23"/>
      <c r="C353" t="s">
        <v>2236</v>
      </c>
      <c r="D353" s="23" t="s">
        <v>2241</v>
      </c>
      <c r="E353" s="1" t="str">
        <f t="shared" si="54"/>
        <v>http://www.sap.com/community/tag.html?id=67838200100800006682</v>
      </c>
      <c r="F353" s="23" t="s">
        <v>2569</v>
      </c>
      <c r="G353"/>
      <c r="H353"/>
      <c r="I353"/>
      <c r="J353"/>
    </row>
    <row r="354" spans="1:10" x14ac:dyDescent="0.25">
      <c r="A354" s="7"/>
      <c r="B354"/>
      <c r="C354" s="23" t="s">
        <v>461</v>
      </c>
      <c r="D354" s="23" t="s">
        <v>2241</v>
      </c>
      <c r="E354" s="1" t="str">
        <f t="shared" si="54"/>
        <v>http://www.sap.com/community/tag.html?id=67838200100800005452</v>
      </c>
      <c r="F354" s="23" t="s">
        <v>2570</v>
      </c>
      <c r="G354"/>
      <c r="H354"/>
      <c r="I354"/>
      <c r="J354"/>
    </row>
    <row r="355" spans="1:10" x14ac:dyDescent="0.25">
      <c r="A355" s="7"/>
      <c r="B355" s="23" t="s">
        <v>858</v>
      </c>
      <c r="C355"/>
      <c r="D355" s="7" t="s">
        <v>5032</v>
      </c>
      <c r="E355" s="1"/>
      <c r="F355" s="23" t="s">
        <v>2571</v>
      </c>
      <c r="G355"/>
      <c r="H355"/>
      <c r="I355"/>
      <c r="J355"/>
    </row>
    <row r="356" spans="1:10" x14ac:dyDescent="0.25">
      <c r="A356" s="7"/>
      <c r="B356"/>
      <c r="C356" s="23" t="s">
        <v>729</v>
      </c>
      <c r="D356" s="23" t="s">
        <v>2241</v>
      </c>
      <c r="E356" s="1" t="str">
        <f t="shared" ref="E356" si="55" xml:space="preserve"> HYPERLINK(CONCATENATE("http://www.sap.com/community/tag.html?id=",$F356))</f>
        <v>http://www.sap.com/community/tag.html?id=01200314690800003097</v>
      </c>
      <c r="F356" s="23" t="s">
        <v>2572</v>
      </c>
      <c r="G356"/>
      <c r="H356"/>
      <c r="I356"/>
      <c r="J356"/>
    </row>
    <row r="357" spans="1:10" x14ac:dyDescent="0.25">
      <c r="A357" s="7"/>
      <c r="B357" t="s">
        <v>185</v>
      </c>
      <c r="C357" s="23"/>
      <c r="D357" s="7" t="s">
        <v>5032</v>
      </c>
      <c r="E357" s="1"/>
      <c r="F357" s="23" t="s">
        <v>2573</v>
      </c>
      <c r="G357"/>
      <c r="H357"/>
      <c r="I357"/>
      <c r="J357"/>
    </row>
    <row r="358" spans="1:10" x14ac:dyDescent="0.25">
      <c r="A358" s="7"/>
      <c r="B358"/>
      <c r="C358" s="23" t="s">
        <v>185</v>
      </c>
      <c r="D358" s="23" t="s">
        <v>2241</v>
      </c>
      <c r="E358" s="1" t="str">
        <f t="shared" ref="E358:E363" si="56" xml:space="preserve"> HYPERLINK(CONCATENATE("http://www.sap.com/community/tag.html?id=",$F358))</f>
        <v>http://www.sap.com/community/tag.html?id=01200314690800003098</v>
      </c>
      <c r="F358" s="23" t="s">
        <v>2574</v>
      </c>
      <c r="G358"/>
      <c r="H358"/>
      <c r="I358"/>
      <c r="J358"/>
    </row>
    <row r="359" spans="1:10" x14ac:dyDescent="0.25">
      <c r="A359" s="7"/>
      <c r="B359"/>
      <c r="C359" s="23" t="s">
        <v>671</v>
      </c>
      <c r="D359" s="23" t="s">
        <v>2241</v>
      </c>
      <c r="E359" s="1" t="str">
        <f t="shared" si="56"/>
        <v>http://www.sap.com/community/tag.html?id=01200615320800002447</v>
      </c>
      <c r="F359" s="23" t="s">
        <v>2575</v>
      </c>
      <c r="G359"/>
      <c r="H359"/>
      <c r="I359"/>
      <c r="J359"/>
    </row>
    <row r="360" spans="1:10" x14ac:dyDescent="0.25">
      <c r="A360" s="7"/>
      <c r="B360"/>
      <c r="C360" s="23" t="s">
        <v>1857</v>
      </c>
      <c r="D360" s="23" t="s">
        <v>2241</v>
      </c>
      <c r="E360" s="1" t="str">
        <f t="shared" si="56"/>
        <v>http://www.sap.com/community/tag.html?id=01200314690800001340</v>
      </c>
      <c r="F360" s="23" t="s">
        <v>2576</v>
      </c>
      <c r="G360"/>
      <c r="H360"/>
      <c r="I360"/>
      <c r="J360"/>
    </row>
    <row r="361" spans="1:10" x14ac:dyDescent="0.25">
      <c r="A361" s="7"/>
      <c r="B361" s="23"/>
      <c r="C361" t="s">
        <v>1663</v>
      </c>
      <c r="D361" s="23" t="s">
        <v>2241</v>
      </c>
      <c r="E361" s="1" t="str">
        <f t="shared" si="56"/>
        <v>http://www.sap.com/community/tag.html?id=67838200100800004012</v>
      </c>
      <c r="F361" s="23" t="s">
        <v>2577</v>
      </c>
      <c r="G361"/>
      <c r="H361"/>
      <c r="I361"/>
      <c r="J361"/>
    </row>
    <row r="362" spans="1:10" x14ac:dyDescent="0.25">
      <c r="A362" s="7"/>
      <c r="B362"/>
      <c r="C362" s="23" t="s">
        <v>1767</v>
      </c>
      <c r="D362" s="23" t="s">
        <v>2241</v>
      </c>
      <c r="E362" s="1" t="str">
        <f t="shared" si="56"/>
        <v>http://www.sap.com/community/tag.html?id=67838200100800004013</v>
      </c>
      <c r="F362" s="23" t="s">
        <v>2578</v>
      </c>
      <c r="G362"/>
      <c r="H362"/>
      <c r="I362"/>
      <c r="J362"/>
    </row>
    <row r="363" spans="1:10" x14ac:dyDescent="0.25">
      <c r="A363" s="7"/>
      <c r="B363"/>
      <c r="C363" s="23" t="s">
        <v>1040</v>
      </c>
      <c r="D363" s="23" t="s">
        <v>2241</v>
      </c>
      <c r="E363" s="1" t="str">
        <f t="shared" si="56"/>
        <v>http://www.sap.com/community/tag.html?id=01200615320800003096</v>
      </c>
      <c r="F363" s="23" t="s">
        <v>2579</v>
      </c>
      <c r="G363"/>
      <c r="H363"/>
      <c r="I363"/>
      <c r="J363"/>
    </row>
    <row r="364" spans="1:10" x14ac:dyDescent="0.25">
      <c r="A364" s="7"/>
      <c r="B364" t="s">
        <v>662</v>
      </c>
      <c r="C364" s="23"/>
      <c r="D364" s="7" t="s">
        <v>5032</v>
      </c>
      <c r="E364" s="1"/>
      <c r="F364" s="23" t="s">
        <v>2580</v>
      </c>
      <c r="G364"/>
      <c r="H364"/>
      <c r="I364"/>
      <c r="J364"/>
    </row>
    <row r="365" spans="1:10" x14ac:dyDescent="0.25">
      <c r="A365" s="7"/>
      <c r="B365" s="23"/>
      <c r="C365" t="s">
        <v>2157</v>
      </c>
      <c r="D365" s="23" t="s">
        <v>2241</v>
      </c>
      <c r="E365" s="1" t="str">
        <f t="shared" ref="E365:E367" si="57" xml:space="preserve"> HYPERLINK(CONCATENATE("http://www.sap.com/community/tag.html?id=",$F365))</f>
        <v>http://www.sap.com/community/tag.html?id=67838200100800006928</v>
      </c>
      <c r="F365" s="23" t="s">
        <v>2581</v>
      </c>
      <c r="G365"/>
      <c r="H365"/>
      <c r="I365"/>
      <c r="J365"/>
    </row>
    <row r="366" spans="1:10" x14ac:dyDescent="0.25">
      <c r="A366" s="7"/>
      <c r="B366"/>
      <c r="C366" s="23" t="s">
        <v>81</v>
      </c>
      <c r="D366" s="23" t="s">
        <v>2241</v>
      </c>
      <c r="E366" s="1" t="str">
        <f t="shared" si="57"/>
        <v>http://www.sap.com/community/tag.html?id=67837800100800006227</v>
      </c>
      <c r="F366" s="23" t="s">
        <v>2582</v>
      </c>
      <c r="G366"/>
      <c r="H366"/>
      <c r="I366"/>
      <c r="J366"/>
    </row>
    <row r="367" spans="1:10" x14ac:dyDescent="0.25">
      <c r="A367" s="7"/>
      <c r="B367"/>
      <c r="C367" s="23" t="s">
        <v>762</v>
      </c>
      <c r="D367" s="23" t="s">
        <v>2241</v>
      </c>
      <c r="E367" s="1" t="str">
        <f t="shared" si="57"/>
        <v>http://www.sap.com/community/tag.html?id=67837800100800006228</v>
      </c>
      <c r="F367" s="23" t="s">
        <v>2583</v>
      </c>
      <c r="G367"/>
      <c r="H367"/>
      <c r="I367"/>
      <c r="J367"/>
    </row>
    <row r="368" spans="1:10" x14ac:dyDescent="0.25">
      <c r="A368" s="7"/>
      <c r="B368" t="s">
        <v>915</v>
      </c>
      <c r="C368" s="23"/>
      <c r="D368" s="7" t="s">
        <v>5032</v>
      </c>
      <c r="E368" s="1"/>
      <c r="F368" s="23" t="s">
        <v>2584</v>
      </c>
      <c r="G368"/>
      <c r="H368"/>
      <c r="I368"/>
      <c r="J368"/>
    </row>
    <row r="369" spans="1:10" x14ac:dyDescent="0.25">
      <c r="A369" s="7"/>
      <c r="B369"/>
      <c r="C369" s="23" t="s">
        <v>915</v>
      </c>
      <c r="D369" s="23" t="s">
        <v>2241</v>
      </c>
      <c r="E369" s="1" t="str">
        <f t="shared" ref="E369:E372" si="58" xml:space="preserve"> HYPERLINK(CONCATENATE("http://www.sap.com/community/tag.html?id=",$F369))</f>
        <v>http://www.sap.com/community/tag.html?id=01200615320800001867</v>
      </c>
      <c r="F369" s="23" t="s">
        <v>2585</v>
      </c>
      <c r="G369"/>
      <c r="H369"/>
      <c r="I369"/>
      <c r="J369"/>
    </row>
    <row r="370" spans="1:10" x14ac:dyDescent="0.25">
      <c r="A370" s="7"/>
      <c r="B370" s="23"/>
      <c r="C370" t="s">
        <v>1038</v>
      </c>
      <c r="D370" s="23" t="s">
        <v>2241</v>
      </c>
      <c r="E370" s="1" t="str">
        <f t="shared" si="58"/>
        <v>http://www.sap.com/community/tag.html?id=67837800100800005638</v>
      </c>
      <c r="F370" s="23" t="s">
        <v>2586</v>
      </c>
      <c r="G370"/>
      <c r="H370"/>
      <c r="I370"/>
      <c r="J370"/>
    </row>
    <row r="371" spans="1:10" x14ac:dyDescent="0.25">
      <c r="A371" s="7"/>
      <c r="B371"/>
      <c r="C371" s="23" t="s">
        <v>75</v>
      </c>
      <c r="D371" s="23" t="s">
        <v>2241</v>
      </c>
      <c r="E371" s="1" t="str">
        <f t="shared" si="58"/>
        <v>http://www.sap.com/community/tag.html?id=67838200100800006073</v>
      </c>
      <c r="F371" s="23" t="s">
        <v>2587</v>
      </c>
      <c r="G371"/>
      <c r="H371"/>
      <c r="I371"/>
      <c r="J371"/>
    </row>
    <row r="372" spans="1:10" x14ac:dyDescent="0.25">
      <c r="A372" s="7"/>
      <c r="B372" s="23"/>
      <c r="C372" t="s">
        <v>960</v>
      </c>
      <c r="D372" s="23" t="s">
        <v>2241</v>
      </c>
      <c r="E372" s="1" t="str">
        <f t="shared" si="58"/>
        <v>http://www.sap.com/community/tag.html?id=67838200100800005417</v>
      </c>
      <c r="F372" s="23" t="s">
        <v>2588</v>
      </c>
      <c r="G372"/>
      <c r="H372"/>
      <c r="I372"/>
      <c r="J372"/>
    </row>
    <row r="373" spans="1:10" x14ac:dyDescent="0.25">
      <c r="A373" s="7"/>
      <c r="B373" t="s">
        <v>1046</v>
      </c>
      <c r="C373" s="23"/>
      <c r="D373" s="7" t="s">
        <v>5032</v>
      </c>
      <c r="E373" s="1"/>
      <c r="F373" s="23" t="s">
        <v>2589</v>
      </c>
      <c r="G373"/>
      <c r="H373"/>
      <c r="I373"/>
      <c r="J373"/>
    </row>
    <row r="374" spans="1:10" x14ac:dyDescent="0.25">
      <c r="A374" s="7"/>
      <c r="B374" s="23"/>
      <c r="C374" t="s">
        <v>1046</v>
      </c>
      <c r="D374" s="23" t="s">
        <v>2241</v>
      </c>
      <c r="E374" s="1" t="str">
        <f t="shared" ref="E374" si="59" xml:space="preserve"> HYPERLINK(CONCATENATE("http://www.sap.com/community/tag.html?id=",$F374))</f>
        <v>http://www.sap.com/community/tag.html?id=01200314690800001320</v>
      </c>
      <c r="F374" s="23" t="s">
        <v>2590</v>
      </c>
      <c r="G374"/>
      <c r="H374"/>
      <c r="I374"/>
      <c r="J374"/>
    </row>
    <row r="375" spans="1:10" x14ac:dyDescent="0.25">
      <c r="A375" s="7"/>
      <c r="B375" t="s">
        <v>1002</v>
      </c>
      <c r="C375" s="23"/>
      <c r="D375" s="7" t="s">
        <v>5032</v>
      </c>
      <c r="E375" s="1"/>
      <c r="F375" s="23" t="s">
        <v>2591</v>
      </c>
      <c r="G375"/>
      <c r="H375"/>
      <c r="I375"/>
      <c r="J375"/>
    </row>
    <row r="376" spans="1:10" x14ac:dyDescent="0.25">
      <c r="A376" s="7"/>
      <c r="B376" s="23"/>
      <c r="C376" t="s">
        <v>1002</v>
      </c>
      <c r="D376" s="23" t="s">
        <v>2241</v>
      </c>
      <c r="E376" s="1" t="str">
        <f t="shared" ref="E376" si="60" xml:space="preserve"> HYPERLINK(CONCATENATE("http://www.sap.com/community/tag.html?id=",$F376))</f>
        <v>http://www.sap.com/community/tag.html?id=67838200100800004731</v>
      </c>
      <c r="F376" s="23" t="s">
        <v>2592</v>
      </c>
      <c r="G376"/>
      <c r="H376"/>
      <c r="I376"/>
      <c r="J376"/>
    </row>
    <row r="377" spans="1:10" x14ac:dyDescent="0.25">
      <c r="A377" s="7"/>
      <c r="B377" t="s">
        <v>1942</v>
      </c>
      <c r="C377" s="23"/>
      <c r="D377" s="7" t="s">
        <v>5032</v>
      </c>
      <c r="E377" s="1"/>
      <c r="F377" s="23" t="s">
        <v>2593</v>
      </c>
      <c r="G377"/>
      <c r="H377"/>
      <c r="I377"/>
      <c r="J377"/>
    </row>
    <row r="378" spans="1:10" x14ac:dyDescent="0.25">
      <c r="A378" s="7"/>
      <c r="B378"/>
      <c r="C378" s="23" t="s">
        <v>1942</v>
      </c>
      <c r="D378" s="23" t="s">
        <v>2241</v>
      </c>
      <c r="E378" s="1" t="str">
        <f t="shared" ref="E378" si="61" xml:space="preserve"> HYPERLINK(CONCATENATE("http://www.sap.com/community/tag.html?id=",$F378))</f>
        <v>http://www.sap.com/community/tag.html?id=67837800100800006931</v>
      </c>
      <c r="F378" s="23" t="s">
        <v>2594</v>
      </c>
      <c r="G378"/>
      <c r="H378"/>
      <c r="I378"/>
      <c r="J378"/>
    </row>
    <row r="379" spans="1:10" x14ac:dyDescent="0.25">
      <c r="A379" s="7"/>
      <c r="B379" s="23" t="s">
        <v>1788</v>
      </c>
      <c r="C379"/>
      <c r="D379" s="7" t="s">
        <v>5032</v>
      </c>
      <c r="E379" s="1"/>
      <c r="F379" s="23" t="s">
        <v>2595</v>
      </c>
      <c r="G379"/>
      <c r="H379"/>
      <c r="I379"/>
      <c r="J379"/>
    </row>
    <row r="380" spans="1:10" x14ac:dyDescent="0.25">
      <c r="A380" s="7"/>
      <c r="B380"/>
      <c r="C380" s="23" t="s">
        <v>1788</v>
      </c>
      <c r="D380" s="23" t="s">
        <v>2241</v>
      </c>
      <c r="E380" s="1" t="str">
        <f t="shared" ref="E380:E381" si="62" xml:space="preserve"> HYPERLINK(CONCATENATE("http://www.sap.com/community/tag.html?id=",$F380))</f>
        <v>http://www.sap.com/community/tag.html?id=01200314690800002845</v>
      </c>
      <c r="F380" s="23" t="s">
        <v>2596</v>
      </c>
      <c r="G380"/>
      <c r="H380"/>
      <c r="I380"/>
      <c r="J380"/>
    </row>
    <row r="381" spans="1:10" x14ac:dyDescent="0.25">
      <c r="A381" s="7"/>
      <c r="B381"/>
      <c r="C381" s="23" t="s">
        <v>1738</v>
      </c>
      <c r="D381" s="23" t="s">
        <v>2241</v>
      </c>
      <c r="E381" s="1" t="str">
        <f t="shared" si="62"/>
        <v>http://www.sap.com/community/tag.html?id=67837800100800006804</v>
      </c>
      <c r="F381" s="23" t="s">
        <v>2597</v>
      </c>
      <c r="G381"/>
      <c r="H381"/>
      <c r="I381"/>
      <c r="J381"/>
    </row>
    <row r="382" spans="1:10" x14ac:dyDescent="0.25">
      <c r="A382" s="7"/>
      <c r="B382" t="s">
        <v>2199</v>
      </c>
      <c r="C382" s="23"/>
      <c r="D382" s="7" t="s">
        <v>5032</v>
      </c>
      <c r="E382" s="1"/>
      <c r="F382" s="23" t="s">
        <v>2598</v>
      </c>
      <c r="G382"/>
      <c r="H382"/>
      <c r="I382"/>
      <c r="J382"/>
    </row>
    <row r="383" spans="1:10" x14ac:dyDescent="0.25">
      <c r="A383" s="7"/>
      <c r="B383" s="23"/>
      <c r="C383" t="s">
        <v>2199</v>
      </c>
      <c r="D383" s="23" t="s">
        <v>2241</v>
      </c>
      <c r="E383" s="1" t="str">
        <f t="shared" ref="E383:E385" si="63" xml:space="preserve"> HYPERLINK(CONCATENATE("http://www.sap.com/community/tag.html?id=",$F383))</f>
        <v>http://www.sap.com/community/tag.html?id=67837800100800006904</v>
      </c>
      <c r="F383" s="23" t="s">
        <v>2599</v>
      </c>
      <c r="G383"/>
      <c r="H383"/>
      <c r="I383"/>
      <c r="J383"/>
    </row>
    <row r="384" spans="1:10" x14ac:dyDescent="0.25">
      <c r="A384" s="7"/>
      <c r="B384"/>
      <c r="C384" s="23" t="s">
        <v>2003</v>
      </c>
      <c r="D384" s="23" t="s">
        <v>2241</v>
      </c>
      <c r="E384" s="1" t="str">
        <f t="shared" si="63"/>
        <v>http://www.sap.com/community/tag.html?id=01200615320800003548</v>
      </c>
      <c r="F384" s="23" t="s">
        <v>2600</v>
      </c>
      <c r="G384"/>
      <c r="H384"/>
      <c r="I384"/>
      <c r="J384"/>
    </row>
    <row r="385" spans="1:10" x14ac:dyDescent="0.25">
      <c r="A385" s="7"/>
      <c r="B385" s="23"/>
      <c r="C385" t="s">
        <v>1394</v>
      </c>
      <c r="D385" s="23" t="s">
        <v>2241</v>
      </c>
      <c r="E385" s="1" t="str">
        <f t="shared" si="63"/>
        <v>http://www.sap.com/community/tag.html?id=01200314690800002008</v>
      </c>
      <c r="F385" s="23" t="s">
        <v>2601</v>
      </c>
      <c r="G385"/>
      <c r="H385"/>
      <c r="I385"/>
      <c r="J385"/>
    </row>
    <row r="386" spans="1:10" x14ac:dyDescent="0.25">
      <c r="A386" s="7"/>
      <c r="B386" t="s">
        <v>1437</v>
      </c>
      <c r="C386" s="23"/>
      <c r="D386" s="7" t="s">
        <v>5032</v>
      </c>
      <c r="E386" s="1"/>
      <c r="F386" s="23" t="s">
        <v>2602</v>
      </c>
      <c r="G386"/>
      <c r="H386"/>
      <c r="I386"/>
      <c r="J386"/>
    </row>
    <row r="387" spans="1:10" x14ac:dyDescent="0.25">
      <c r="A387" s="7"/>
      <c r="B387"/>
      <c r="C387" s="23" t="s">
        <v>1310</v>
      </c>
      <c r="D387" s="23" t="s">
        <v>2241</v>
      </c>
      <c r="E387" s="1" t="str">
        <f t="shared" ref="E387" si="64" xml:space="preserve"> HYPERLINK(CONCATENATE("http://www.sap.com/community/tag.html?id=",$F387))</f>
        <v>http://www.sap.com/community/tag.html?id=67837800100800006657</v>
      </c>
      <c r="F387" s="23" t="s">
        <v>2603</v>
      </c>
      <c r="G387"/>
      <c r="H387"/>
      <c r="I387"/>
      <c r="J387"/>
    </row>
    <row r="388" spans="1:10" x14ac:dyDescent="0.25">
      <c r="A388" s="7"/>
      <c r="B388" t="s">
        <v>1220</v>
      </c>
      <c r="C388" s="23"/>
      <c r="D388" s="7" t="s">
        <v>5032</v>
      </c>
      <c r="E388" s="1"/>
      <c r="F388" s="23" t="s">
        <v>2604</v>
      </c>
      <c r="G388"/>
      <c r="H388"/>
      <c r="I388"/>
      <c r="J388"/>
    </row>
    <row r="389" spans="1:10" x14ac:dyDescent="0.25">
      <c r="A389" s="7"/>
      <c r="B389"/>
      <c r="C389" s="23" t="s">
        <v>1220</v>
      </c>
      <c r="D389" s="23" t="s">
        <v>2241</v>
      </c>
      <c r="E389" s="1" t="str">
        <f t="shared" ref="E389:E392" si="65" xml:space="preserve"> HYPERLINK(CONCATENATE("http://www.sap.com/community/tag.html?id=",$F389))</f>
        <v>http://www.sap.com/community/tag.html?id=67837800100800007156</v>
      </c>
      <c r="F389" s="23" t="s">
        <v>2605</v>
      </c>
      <c r="G389"/>
      <c r="H389"/>
      <c r="I389"/>
      <c r="J389"/>
    </row>
    <row r="390" spans="1:10" x14ac:dyDescent="0.25">
      <c r="A390" s="7"/>
      <c r="B390" s="23"/>
      <c r="C390" t="s">
        <v>585</v>
      </c>
      <c r="D390" s="23" t="s">
        <v>2241</v>
      </c>
      <c r="E390" s="1" t="str">
        <f t="shared" si="65"/>
        <v>http://www.sap.com/community/tag.html?id=67837800100800007209</v>
      </c>
      <c r="F390" s="23" t="s">
        <v>2606</v>
      </c>
      <c r="G390"/>
      <c r="H390"/>
      <c r="I390"/>
      <c r="J390"/>
    </row>
    <row r="391" spans="1:10" x14ac:dyDescent="0.25">
      <c r="A391" s="7"/>
      <c r="B391"/>
      <c r="C391" s="23" t="s">
        <v>1454</v>
      </c>
      <c r="D391" s="23" t="s">
        <v>2241</v>
      </c>
      <c r="E391" s="1" t="str">
        <f t="shared" si="65"/>
        <v>http://www.sap.com/community/tag.html?id=67837800100800007210</v>
      </c>
      <c r="F391" s="23" t="s">
        <v>2607</v>
      </c>
      <c r="G391"/>
      <c r="H391"/>
      <c r="I391"/>
      <c r="J391"/>
    </row>
    <row r="392" spans="1:10" x14ac:dyDescent="0.25">
      <c r="A392" s="7"/>
      <c r="B392" s="23"/>
      <c r="C392" t="s">
        <v>5419</v>
      </c>
      <c r="D392" s="23" t="s">
        <v>2241</v>
      </c>
      <c r="E392" s="1" t="str">
        <f t="shared" si="65"/>
        <v>http://www.sap.com/community/tag.html?id=73555000100800000127</v>
      </c>
      <c r="F392" s="23" t="s">
        <v>2608</v>
      </c>
      <c r="G392"/>
      <c r="H392"/>
      <c r="I392"/>
      <c r="J392"/>
    </row>
    <row r="393" spans="1:10" x14ac:dyDescent="0.25">
      <c r="A393" s="7"/>
      <c r="B393" t="s">
        <v>2084</v>
      </c>
      <c r="C393" s="23"/>
      <c r="D393" s="7" t="s">
        <v>5032</v>
      </c>
      <c r="E393" s="1"/>
      <c r="F393" s="23" t="s">
        <v>2609</v>
      </c>
      <c r="G393"/>
      <c r="H393"/>
      <c r="I393"/>
      <c r="J393"/>
    </row>
    <row r="394" spans="1:10" x14ac:dyDescent="0.25">
      <c r="A394" s="7"/>
      <c r="B394" s="23"/>
      <c r="C394" t="s">
        <v>2084</v>
      </c>
      <c r="D394" s="23" t="s">
        <v>2241</v>
      </c>
      <c r="E394" s="1" t="str">
        <f t="shared" ref="E394" si="66" xml:space="preserve"> HYPERLINK(CONCATENATE("http://www.sap.com/community/tag.html?id=",$F394))</f>
        <v>http://www.sap.com/community/tag.html?id=73555000100800000150</v>
      </c>
      <c r="F394" s="23" t="s">
        <v>2610</v>
      </c>
      <c r="G394"/>
      <c r="H394"/>
      <c r="I394"/>
      <c r="J394"/>
    </row>
    <row r="395" spans="1:10" x14ac:dyDescent="0.25">
      <c r="A395" s="7"/>
      <c r="B395" t="s">
        <v>896</v>
      </c>
      <c r="C395" s="23"/>
      <c r="D395" s="7" t="s">
        <v>5032</v>
      </c>
      <c r="E395" s="1"/>
      <c r="F395" s="23" t="s">
        <v>2611</v>
      </c>
      <c r="G395"/>
      <c r="H395"/>
      <c r="I395"/>
      <c r="J395"/>
    </row>
    <row r="396" spans="1:10" x14ac:dyDescent="0.25">
      <c r="A396" s="7"/>
      <c r="B396"/>
      <c r="C396" s="23" t="s">
        <v>896</v>
      </c>
      <c r="D396" s="23" t="s">
        <v>2241</v>
      </c>
      <c r="E396" s="1" t="str">
        <f t="shared" ref="E396" si="67" xml:space="preserve"> HYPERLINK(CONCATENATE("http://www.sap.com/community/tag.html?id=",$F396))</f>
        <v>http://www.sap.com/community/tag.html?id=73555000100800000149</v>
      </c>
      <c r="F396" s="23" t="s">
        <v>2612</v>
      </c>
      <c r="G396"/>
      <c r="H396"/>
      <c r="I396"/>
      <c r="J396"/>
    </row>
    <row r="397" spans="1:10" x14ac:dyDescent="0.25">
      <c r="A397" s="7"/>
      <c r="B397" s="23" t="s">
        <v>1049</v>
      </c>
      <c r="C397"/>
      <c r="D397" s="7" t="s">
        <v>5032</v>
      </c>
      <c r="E397" s="1"/>
      <c r="F397" s="23" t="s">
        <v>2613</v>
      </c>
      <c r="G397"/>
      <c r="H397"/>
      <c r="I397"/>
      <c r="J397"/>
    </row>
    <row r="398" spans="1:10" x14ac:dyDescent="0.25">
      <c r="A398" s="7"/>
      <c r="B398"/>
      <c r="C398" s="23" t="s">
        <v>1049</v>
      </c>
      <c r="D398" s="23" t="s">
        <v>2241</v>
      </c>
      <c r="E398" s="1" t="str">
        <f t="shared" ref="E398:E399" si="68" xml:space="preserve"> HYPERLINK(CONCATENATE("http://www.sap.com/community/tag.html?id=",$F398))</f>
        <v>http://www.sap.com/community/tag.html?id=01200615320800003831</v>
      </c>
      <c r="F398" s="23" t="s">
        <v>2614</v>
      </c>
      <c r="G398"/>
      <c r="H398"/>
      <c r="I398"/>
      <c r="J398"/>
    </row>
    <row r="399" spans="1:10" x14ac:dyDescent="0.25">
      <c r="A399" s="7"/>
      <c r="B399"/>
      <c r="C399" s="23" t="s">
        <v>522</v>
      </c>
      <c r="D399" s="23" t="s">
        <v>2241</v>
      </c>
      <c r="E399" s="1" t="str">
        <f t="shared" si="68"/>
        <v>http://www.sap.com/community/tag.html?id=01200615320800003844</v>
      </c>
      <c r="F399" s="23" t="s">
        <v>2615</v>
      </c>
      <c r="G399"/>
      <c r="H399"/>
      <c r="I399"/>
      <c r="J399"/>
    </row>
    <row r="400" spans="1:10" x14ac:dyDescent="0.25">
      <c r="A400" s="7"/>
      <c r="B400" t="s">
        <v>2022</v>
      </c>
      <c r="C400" s="23"/>
      <c r="D400" s="7" t="s">
        <v>5032</v>
      </c>
      <c r="E400" s="1"/>
      <c r="F400" s="23" t="s">
        <v>2616</v>
      </c>
      <c r="G400"/>
      <c r="H400"/>
      <c r="I400"/>
      <c r="J400"/>
    </row>
    <row r="401" spans="1:10" x14ac:dyDescent="0.25">
      <c r="A401" s="7"/>
      <c r="B401" s="23"/>
      <c r="C401" t="s">
        <v>2022</v>
      </c>
      <c r="D401" s="23" t="s">
        <v>2241</v>
      </c>
      <c r="E401" s="1" t="str">
        <f t="shared" ref="E401:E403" si="69" xml:space="preserve"> HYPERLINK(CONCATENATE("http://www.sap.com/community/tag.html?id=",$F401))</f>
        <v>http://www.sap.com/community/tag.html?id=01200615320800000264</v>
      </c>
      <c r="F401" s="23" t="s">
        <v>2617</v>
      </c>
      <c r="G401"/>
      <c r="H401"/>
      <c r="I401"/>
      <c r="J401"/>
    </row>
    <row r="402" spans="1:10" x14ac:dyDescent="0.25">
      <c r="A402" s="7"/>
      <c r="B402"/>
      <c r="C402" s="23" t="s">
        <v>1134</v>
      </c>
      <c r="D402" s="23" t="s">
        <v>2241</v>
      </c>
      <c r="E402" s="1" t="str">
        <f t="shared" si="69"/>
        <v>http://www.sap.com/community/tag.html?id=01200615320800000714</v>
      </c>
      <c r="F402" s="23" t="s">
        <v>2618</v>
      </c>
      <c r="G402"/>
      <c r="H402"/>
      <c r="I402"/>
      <c r="J402"/>
    </row>
    <row r="403" spans="1:10" x14ac:dyDescent="0.25">
      <c r="A403" s="7"/>
      <c r="B403"/>
      <c r="C403" s="23" t="s">
        <v>2107</v>
      </c>
      <c r="D403" s="23" t="s">
        <v>2241</v>
      </c>
      <c r="E403" s="1" t="str">
        <f t="shared" si="69"/>
        <v>http://www.sap.com/community/tag.html?id=01200314690800002599</v>
      </c>
      <c r="F403" s="23" t="s">
        <v>2619</v>
      </c>
      <c r="G403"/>
      <c r="H403"/>
      <c r="I403"/>
      <c r="J403"/>
    </row>
    <row r="404" spans="1:10" x14ac:dyDescent="0.25">
      <c r="A404" s="7"/>
      <c r="B404" s="23" t="s">
        <v>91</v>
      </c>
      <c r="C404"/>
      <c r="D404" s="7" t="s">
        <v>5032</v>
      </c>
      <c r="E404" s="1"/>
      <c r="F404" s="23" t="s">
        <v>2620</v>
      </c>
      <c r="G404"/>
      <c r="H404"/>
      <c r="I404"/>
      <c r="J404"/>
    </row>
    <row r="405" spans="1:10" x14ac:dyDescent="0.25">
      <c r="A405" s="7"/>
      <c r="B405"/>
      <c r="C405" s="23" t="s">
        <v>677</v>
      </c>
      <c r="D405" s="23" t="s">
        <v>2241</v>
      </c>
      <c r="E405" s="1" t="str">
        <f t="shared" ref="E405:E406" si="70" xml:space="preserve"> HYPERLINK(CONCATENATE("http://www.sap.com/community/tag.html?id=",$F405))</f>
        <v>http://www.sap.com/community/tag.html?id=67837800100800005908</v>
      </c>
      <c r="F405" s="23" t="s">
        <v>2621</v>
      </c>
      <c r="G405"/>
      <c r="H405"/>
      <c r="I405"/>
      <c r="J405"/>
    </row>
    <row r="406" spans="1:10" x14ac:dyDescent="0.25">
      <c r="A406" s="7"/>
      <c r="B406"/>
      <c r="C406" s="23" t="s">
        <v>1223</v>
      </c>
      <c r="D406" s="23" t="s">
        <v>2241</v>
      </c>
      <c r="E406" s="1" t="str">
        <f t="shared" si="70"/>
        <v>http://www.sap.com/community/tag.html?id=67838200100800005257</v>
      </c>
      <c r="F406" s="23" t="s">
        <v>2622</v>
      </c>
      <c r="G406"/>
      <c r="H406"/>
      <c r="I406"/>
      <c r="J406"/>
    </row>
    <row r="407" spans="1:10" x14ac:dyDescent="0.25">
      <c r="A407" s="7"/>
      <c r="B407" t="s">
        <v>1722</v>
      </c>
      <c r="C407" s="23"/>
      <c r="D407" s="7" t="s">
        <v>5032</v>
      </c>
      <c r="E407" s="1"/>
      <c r="F407" s="23" t="s">
        <v>2623</v>
      </c>
      <c r="G407"/>
      <c r="H407"/>
      <c r="I407"/>
      <c r="J407"/>
    </row>
    <row r="408" spans="1:10" x14ac:dyDescent="0.25">
      <c r="A408" s="7"/>
      <c r="B408" s="23"/>
      <c r="C408" t="s">
        <v>1856</v>
      </c>
      <c r="D408" s="23" t="s">
        <v>2241</v>
      </c>
      <c r="E408" s="1" t="str">
        <f t="shared" ref="E408:E410" si="71" xml:space="preserve"> HYPERLINK(CONCATENATE("http://www.sap.com/community/tag.html?id=",$F408))</f>
        <v>http://www.sap.com/community/tag.html?id=67837800100800005270</v>
      </c>
      <c r="F408" s="23" t="s">
        <v>2624</v>
      </c>
      <c r="G408"/>
      <c r="H408"/>
      <c r="I408"/>
      <c r="J408"/>
    </row>
    <row r="409" spans="1:10" x14ac:dyDescent="0.25">
      <c r="A409" s="7"/>
      <c r="B409"/>
      <c r="C409" s="23" t="s">
        <v>977</v>
      </c>
      <c r="D409" s="23" t="s">
        <v>2241</v>
      </c>
      <c r="E409" s="1" t="str">
        <f t="shared" si="71"/>
        <v>http://www.sap.com/community/tag.html?id=01200314690800002237</v>
      </c>
      <c r="F409" s="23" t="s">
        <v>2625</v>
      </c>
      <c r="G409"/>
      <c r="H409"/>
      <c r="I409"/>
      <c r="J409"/>
    </row>
    <row r="410" spans="1:10" x14ac:dyDescent="0.25">
      <c r="A410" s="7"/>
      <c r="B410" s="23"/>
      <c r="C410" t="s">
        <v>1722</v>
      </c>
      <c r="D410" s="23" t="s">
        <v>2241</v>
      </c>
      <c r="E410" s="1" t="str">
        <f t="shared" si="71"/>
        <v>http://www.sap.com/community/tag.html?id=01200314690800000227</v>
      </c>
      <c r="F410" s="23" t="s">
        <v>2626</v>
      </c>
      <c r="G410"/>
      <c r="H410"/>
      <c r="I410"/>
      <c r="J410"/>
    </row>
    <row r="411" spans="1:10" x14ac:dyDescent="0.25">
      <c r="A411" s="7"/>
      <c r="B411" t="s">
        <v>735</v>
      </c>
      <c r="C411" s="23"/>
      <c r="D411" s="7" t="s">
        <v>5032</v>
      </c>
      <c r="E411" s="1"/>
      <c r="F411" s="23" t="s">
        <v>2627</v>
      </c>
      <c r="G411"/>
      <c r="H411"/>
      <c r="I411"/>
      <c r="J411"/>
    </row>
    <row r="412" spans="1:10" x14ac:dyDescent="0.25">
      <c r="A412" s="7"/>
      <c r="B412"/>
      <c r="C412" s="23" t="s">
        <v>735</v>
      </c>
      <c r="D412" s="23" t="s">
        <v>2241</v>
      </c>
      <c r="E412" s="1" t="str">
        <f t="shared" ref="E412" si="72" xml:space="preserve"> HYPERLINK(CONCATENATE("http://www.sap.com/community/tag.html?id=",$F412))</f>
        <v>http://www.sap.com/community/tag.html?id=01200615320800000694</v>
      </c>
      <c r="F412" s="23" t="s">
        <v>2628</v>
      </c>
      <c r="G412"/>
      <c r="H412"/>
      <c r="I412"/>
      <c r="J412"/>
    </row>
    <row r="413" spans="1:10" x14ac:dyDescent="0.25">
      <c r="A413" s="7"/>
      <c r="B413" t="s">
        <v>1019</v>
      </c>
      <c r="C413" s="23"/>
      <c r="D413" s="7" t="s">
        <v>5032</v>
      </c>
      <c r="E413" s="1"/>
      <c r="F413" s="23" t="s">
        <v>2629</v>
      </c>
      <c r="G413"/>
      <c r="H413"/>
      <c r="I413"/>
      <c r="J413"/>
    </row>
    <row r="414" spans="1:10" x14ac:dyDescent="0.25">
      <c r="A414" s="7"/>
      <c r="B414" s="23"/>
      <c r="C414" t="s">
        <v>2109</v>
      </c>
      <c r="D414" s="23" t="s">
        <v>2241</v>
      </c>
      <c r="E414" s="1" t="str">
        <f t="shared" ref="E414:E416" si="73" xml:space="preserve"> HYPERLINK(CONCATENATE("http://www.sap.com/community/tag.html?id=",$F414))</f>
        <v>http://www.sap.com/community/tag.html?id=73554900100800000146</v>
      </c>
      <c r="F414" s="23" t="s">
        <v>2630</v>
      </c>
      <c r="G414"/>
      <c r="H414"/>
      <c r="I414"/>
      <c r="J414"/>
    </row>
    <row r="415" spans="1:10" x14ac:dyDescent="0.25">
      <c r="A415" s="7"/>
      <c r="B415"/>
      <c r="C415" s="23" t="s">
        <v>396</v>
      </c>
      <c r="D415" s="23" t="s">
        <v>2241</v>
      </c>
      <c r="E415" s="1" t="str">
        <f t="shared" si="73"/>
        <v>http://www.sap.com/community/tag.html?id=01200615320800003315</v>
      </c>
      <c r="F415" s="23" t="s">
        <v>2631</v>
      </c>
      <c r="G415"/>
      <c r="H415"/>
      <c r="I415"/>
      <c r="J415"/>
    </row>
    <row r="416" spans="1:10" x14ac:dyDescent="0.25">
      <c r="A416" s="7"/>
      <c r="B416" s="23"/>
      <c r="C416" t="s">
        <v>1395</v>
      </c>
      <c r="D416" s="23" t="s">
        <v>2241</v>
      </c>
      <c r="E416" s="1" t="str">
        <f t="shared" si="73"/>
        <v>http://www.sap.com/community/tag.html?id=73555000100800000348</v>
      </c>
      <c r="F416" s="23" t="s">
        <v>2632</v>
      </c>
      <c r="G416"/>
      <c r="H416"/>
      <c r="I416"/>
      <c r="J416"/>
    </row>
    <row r="417" spans="1:10" x14ac:dyDescent="0.25">
      <c r="A417" s="7"/>
      <c r="B417" t="s">
        <v>369</v>
      </c>
      <c r="C417" s="23"/>
      <c r="D417" s="7" t="s">
        <v>5032</v>
      </c>
      <c r="E417" s="1"/>
      <c r="F417" s="23" t="s">
        <v>2633</v>
      </c>
      <c r="G417"/>
      <c r="H417"/>
      <c r="I417"/>
      <c r="J417"/>
    </row>
    <row r="418" spans="1:10" x14ac:dyDescent="0.25">
      <c r="A418" s="7"/>
      <c r="B418"/>
      <c r="C418" s="23" t="s">
        <v>369</v>
      </c>
      <c r="D418" s="23" t="s">
        <v>2241</v>
      </c>
      <c r="E418" s="1" t="str">
        <f t="shared" ref="E418" si="74" xml:space="preserve"> HYPERLINK(CONCATENATE("http://www.sap.com/community/tag.html?id=",$F418))</f>
        <v>http://www.sap.com/community/tag.html?id=67838200100800006705</v>
      </c>
      <c r="F418" s="23" t="s">
        <v>2634</v>
      </c>
      <c r="G418"/>
      <c r="H418"/>
      <c r="I418"/>
      <c r="J418"/>
    </row>
    <row r="419" spans="1:10" x14ac:dyDescent="0.25">
      <c r="A419" s="7"/>
      <c r="B419" s="23" t="s">
        <v>1324</v>
      </c>
      <c r="C419"/>
      <c r="D419" s="7" t="s">
        <v>5032</v>
      </c>
      <c r="E419" s="1"/>
      <c r="F419" s="23" t="s">
        <v>2635</v>
      </c>
      <c r="G419"/>
      <c r="H419"/>
      <c r="I419"/>
      <c r="J419"/>
    </row>
    <row r="420" spans="1:10" x14ac:dyDescent="0.25">
      <c r="A420" s="7"/>
      <c r="B420"/>
      <c r="C420" s="23" t="s">
        <v>788</v>
      </c>
      <c r="D420" s="23" t="s">
        <v>2241</v>
      </c>
      <c r="E420" s="1" t="str">
        <f t="shared" ref="E420:E421" si="75" xml:space="preserve"> HYPERLINK(CONCATENATE("http://www.sap.com/community/tag.html?id=",$F420))</f>
        <v>http://www.sap.com/community/tag.html?id=67838200100800006816</v>
      </c>
      <c r="F420" s="23" t="s">
        <v>2636</v>
      </c>
      <c r="G420"/>
      <c r="H420"/>
      <c r="I420"/>
      <c r="J420"/>
    </row>
    <row r="421" spans="1:10" x14ac:dyDescent="0.25">
      <c r="A421" s="7"/>
      <c r="B421"/>
      <c r="C421" s="23" t="s">
        <v>1079</v>
      </c>
      <c r="D421" s="23" t="s">
        <v>2241</v>
      </c>
      <c r="E421" s="1" t="str">
        <f t="shared" si="75"/>
        <v>http://www.sap.com/community/tag.html?id=01200615320800000732</v>
      </c>
      <c r="F421" s="23" t="s">
        <v>2637</v>
      </c>
      <c r="G421"/>
      <c r="H421"/>
      <c r="I421"/>
      <c r="J421"/>
    </row>
    <row r="422" spans="1:10" x14ac:dyDescent="0.25">
      <c r="A422" s="7"/>
      <c r="B422" s="23" t="s">
        <v>1328</v>
      </c>
      <c r="C422"/>
      <c r="D422" s="7" t="s">
        <v>5032</v>
      </c>
      <c r="E422" s="1"/>
      <c r="F422" s="23" t="s">
        <v>2638</v>
      </c>
      <c r="G422"/>
      <c r="H422"/>
      <c r="I422"/>
      <c r="J422"/>
    </row>
    <row r="423" spans="1:10" x14ac:dyDescent="0.25">
      <c r="A423" s="7"/>
      <c r="B423"/>
      <c r="C423" s="23" t="s">
        <v>1328</v>
      </c>
      <c r="D423" s="23" t="s">
        <v>2241</v>
      </c>
      <c r="E423" s="1" t="str">
        <f t="shared" ref="E423:E424" si="76" xml:space="preserve"> HYPERLINK(CONCATENATE("http://www.sap.com/community/tag.html?id=",$F423))</f>
        <v>http://www.sap.com/community/tag.html?id=67837800100800007087</v>
      </c>
      <c r="F423" s="23" t="s">
        <v>2639</v>
      </c>
      <c r="G423"/>
      <c r="H423"/>
      <c r="I423"/>
      <c r="J423"/>
    </row>
    <row r="424" spans="1:10" x14ac:dyDescent="0.25">
      <c r="A424" s="7"/>
      <c r="B424"/>
      <c r="C424" s="23" t="s">
        <v>647</v>
      </c>
      <c r="D424" s="23" t="s">
        <v>2241</v>
      </c>
      <c r="E424" s="1" t="str">
        <f t="shared" si="76"/>
        <v>http://www.sap.com/community/tag.html?id=01200314690800000126</v>
      </c>
      <c r="F424" s="23" t="s">
        <v>2640</v>
      </c>
      <c r="G424"/>
      <c r="H424"/>
      <c r="I424"/>
      <c r="J424"/>
    </row>
    <row r="425" spans="1:10" x14ac:dyDescent="0.25">
      <c r="A425" s="7"/>
      <c r="B425" t="s">
        <v>1746</v>
      </c>
      <c r="C425" s="23"/>
      <c r="D425" s="7" t="s">
        <v>5032</v>
      </c>
      <c r="E425" s="1"/>
      <c r="F425" s="23" t="s">
        <v>2641</v>
      </c>
      <c r="G425"/>
      <c r="H425"/>
      <c r="I425"/>
      <c r="J425"/>
    </row>
    <row r="426" spans="1:10" x14ac:dyDescent="0.25">
      <c r="A426" s="7"/>
      <c r="B426"/>
      <c r="C426" s="23" t="s">
        <v>31</v>
      </c>
      <c r="D426" s="23" t="s">
        <v>2241</v>
      </c>
      <c r="E426" s="1" t="str">
        <f t="shared" ref="E426:E433" si="77" xml:space="preserve"> HYPERLINK(CONCATENATE("http://www.sap.com/community/tag.html?id=",$F426))</f>
        <v>http://www.sap.com/community/tag.html?id=01200314690800003771</v>
      </c>
      <c r="F426" s="23" t="s">
        <v>2642</v>
      </c>
      <c r="G426"/>
      <c r="H426"/>
      <c r="I426"/>
      <c r="J426"/>
    </row>
    <row r="427" spans="1:10" x14ac:dyDescent="0.25">
      <c r="A427" s="7"/>
      <c r="B427"/>
      <c r="C427" s="23" t="s">
        <v>763</v>
      </c>
      <c r="D427" s="23" t="s">
        <v>2241</v>
      </c>
      <c r="E427" s="1" t="str">
        <f t="shared" si="77"/>
        <v>http://www.sap.com/community/tag.html?id=67838200100800006044</v>
      </c>
      <c r="F427" s="23" t="s">
        <v>2643</v>
      </c>
      <c r="G427"/>
      <c r="H427"/>
      <c r="I427"/>
      <c r="J427"/>
    </row>
    <row r="428" spans="1:10" x14ac:dyDescent="0.25">
      <c r="A428" s="7"/>
      <c r="B428"/>
      <c r="C428" s="23" t="s">
        <v>855</v>
      </c>
      <c r="D428" s="23" t="s">
        <v>2241</v>
      </c>
      <c r="E428" s="1" t="str">
        <f t="shared" si="77"/>
        <v>http://www.sap.com/community/tag.html?id=01200314690800003770</v>
      </c>
      <c r="F428" s="23" t="s">
        <v>2644</v>
      </c>
      <c r="G428"/>
      <c r="H428"/>
      <c r="I428"/>
      <c r="J428"/>
    </row>
    <row r="429" spans="1:10" x14ac:dyDescent="0.25">
      <c r="A429" s="7"/>
      <c r="B429"/>
      <c r="C429" s="23" t="s">
        <v>348</v>
      </c>
      <c r="D429" s="23" t="s">
        <v>2241</v>
      </c>
      <c r="E429" s="1" t="str">
        <f t="shared" si="77"/>
        <v>http://www.sap.com/community/tag.html?id=01200314690800003768</v>
      </c>
      <c r="F429" s="23" t="s">
        <v>2645</v>
      </c>
      <c r="G429"/>
      <c r="H429"/>
      <c r="I429"/>
      <c r="J429"/>
    </row>
    <row r="430" spans="1:10" x14ac:dyDescent="0.25">
      <c r="A430" s="7"/>
      <c r="B430"/>
      <c r="C430" s="23" t="s">
        <v>921</v>
      </c>
      <c r="D430" s="23" t="s">
        <v>2241</v>
      </c>
      <c r="E430" s="1" t="str">
        <f t="shared" si="77"/>
        <v>http://www.sap.com/community/tag.html?id=01200314690800002337</v>
      </c>
      <c r="F430" s="23" t="s">
        <v>2646</v>
      </c>
      <c r="G430"/>
      <c r="H430"/>
      <c r="I430"/>
      <c r="J430"/>
    </row>
    <row r="431" spans="1:10" x14ac:dyDescent="0.25">
      <c r="A431" s="7"/>
      <c r="B431" s="23"/>
      <c r="C431" t="s">
        <v>1498</v>
      </c>
      <c r="D431" s="23" t="s">
        <v>2241</v>
      </c>
      <c r="E431" s="1" t="str">
        <f t="shared" si="77"/>
        <v>http://www.sap.com/community/tag.html?id=01200314690800003769</v>
      </c>
      <c r="F431" s="23" t="s">
        <v>2647</v>
      </c>
      <c r="G431"/>
      <c r="H431"/>
      <c r="I431"/>
      <c r="J431"/>
    </row>
    <row r="432" spans="1:10" x14ac:dyDescent="0.25">
      <c r="A432" s="7"/>
      <c r="B432"/>
      <c r="C432" s="23" t="s">
        <v>1175</v>
      </c>
      <c r="D432" s="23" t="s">
        <v>2241</v>
      </c>
      <c r="E432" s="1" t="str">
        <f t="shared" si="77"/>
        <v>http://www.sap.com/community/tag.html?id=01200314690800003772</v>
      </c>
      <c r="F432" s="23" t="s">
        <v>2648</v>
      </c>
      <c r="G432"/>
      <c r="H432"/>
      <c r="I432"/>
      <c r="J432"/>
    </row>
    <row r="433" spans="1:10" x14ac:dyDescent="0.25">
      <c r="A433" s="7"/>
      <c r="B433"/>
      <c r="C433" s="23" t="s">
        <v>306</v>
      </c>
      <c r="D433" s="23" t="s">
        <v>2241</v>
      </c>
      <c r="E433" s="1" t="str">
        <f t="shared" si="77"/>
        <v>http://www.sap.com/community/tag.html?id=01200314690800003773</v>
      </c>
      <c r="F433" s="23" t="s">
        <v>2649</v>
      </c>
      <c r="G433"/>
      <c r="H433"/>
      <c r="I433"/>
      <c r="J433"/>
    </row>
    <row r="434" spans="1:10" x14ac:dyDescent="0.25">
      <c r="A434" s="7"/>
      <c r="B434" t="s">
        <v>1807</v>
      </c>
      <c r="C434" s="23"/>
      <c r="D434" s="7" t="s">
        <v>5032</v>
      </c>
      <c r="E434" s="1"/>
      <c r="F434" s="23" t="s">
        <v>2650</v>
      </c>
      <c r="G434"/>
      <c r="H434"/>
      <c r="I434"/>
      <c r="J434"/>
    </row>
    <row r="435" spans="1:10" x14ac:dyDescent="0.25">
      <c r="A435" s="7"/>
      <c r="B435"/>
      <c r="C435" s="23" t="s">
        <v>1807</v>
      </c>
      <c r="D435" s="23" t="s">
        <v>2241</v>
      </c>
      <c r="E435" s="1" t="str">
        <f t="shared" ref="E435:E440" si="78" xml:space="preserve"> HYPERLINK(CONCATENATE("http://www.sap.com/community/tag.html?id=",$F435))</f>
        <v>http://www.sap.com/community/tag.html?id=67837800100800006431</v>
      </c>
      <c r="F435" s="23" t="s">
        <v>2651</v>
      </c>
      <c r="G435"/>
      <c r="H435"/>
      <c r="I435"/>
      <c r="J435"/>
    </row>
    <row r="436" spans="1:10" x14ac:dyDescent="0.25">
      <c r="A436" s="7"/>
      <c r="B436"/>
      <c r="C436" s="23" t="s">
        <v>1004</v>
      </c>
      <c r="D436" s="23" t="s">
        <v>2241</v>
      </c>
      <c r="E436" s="1" t="str">
        <f t="shared" si="78"/>
        <v>http://www.sap.com/community/tag.html?id=67838200100800004913</v>
      </c>
      <c r="F436" s="23" t="s">
        <v>2652</v>
      </c>
      <c r="G436"/>
      <c r="H436"/>
      <c r="I436"/>
      <c r="J436"/>
    </row>
    <row r="437" spans="1:10" x14ac:dyDescent="0.25">
      <c r="A437" s="7"/>
      <c r="B437"/>
      <c r="C437" s="23" t="s">
        <v>468</v>
      </c>
      <c r="D437" s="23" t="s">
        <v>2241</v>
      </c>
      <c r="E437" s="1" t="str">
        <f t="shared" si="78"/>
        <v>http://www.sap.com/community/tag.html?id=67837800100800007108</v>
      </c>
      <c r="F437" s="23" t="s">
        <v>2653</v>
      </c>
      <c r="G437"/>
      <c r="H437"/>
      <c r="I437"/>
      <c r="J437"/>
    </row>
    <row r="438" spans="1:10" x14ac:dyDescent="0.25">
      <c r="A438" s="7"/>
      <c r="B438" s="23"/>
      <c r="C438" t="s">
        <v>1562</v>
      </c>
      <c r="D438" s="23" t="s">
        <v>2241</v>
      </c>
      <c r="E438" s="1" t="str">
        <f t="shared" si="78"/>
        <v>http://www.sap.com/community/tag.html?id=67837800100800007107</v>
      </c>
      <c r="F438" s="23" t="s">
        <v>2654</v>
      </c>
      <c r="G438"/>
      <c r="H438"/>
      <c r="I438"/>
      <c r="J438"/>
    </row>
    <row r="439" spans="1:10" x14ac:dyDescent="0.25">
      <c r="A439" s="7"/>
      <c r="B439"/>
      <c r="C439" s="23" t="s">
        <v>1464</v>
      </c>
      <c r="D439" s="23" t="s">
        <v>2241</v>
      </c>
      <c r="E439" s="1" t="str">
        <f t="shared" si="78"/>
        <v>http://www.sap.com/community/tag.html?id=67837800100800007109</v>
      </c>
      <c r="F439" s="23" t="s">
        <v>2655</v>
      </c>
      <c r="G439"/>
      <c r="H439"/>
      <c r="I439"/>
      <c r="J439"/>
    </row>
    <row r="440" spans="1:10" x14ac:dyDescent="0.25">
      <c r="A440" s="7"/>
      <c r="B440" s="23"/>
      <c r="C440" t="s">
        <v>574</v>
      </c>
      <c r="D440" s="23" t="s">
        <v>2241</v>
      </c>
      <c r="E440" s="1" t="str">
        <f t="shared" si="78"/>
        <v>http://www.sap.com/community/tag.html?id=67837800100800007110</v>
      </c>
      <c r="F440" s="23" t="s">
        <v>2656</v>
      </c>
      <c r="G440"/>
      <c r="H440"/>
      <c r="I440"/>
      <c r="J440"/>
    </row>
    <row r="441" spans="1:10" x14ac:dyDescent="0.25">
      <c r="A441" s="7"/>
      <c r="B441" t="s">
        <v>421</v>
      </c>
      <c r="C441" s="23"/>
      <c r="D441" s="7" t="s">
        <v>5032</v>
      </c>
      <c r="E441" s="1"/>
      <c r="F441" s="23" t="s">
        <v>2657</v>
      </c>
      <c r="G441"/>
      <c r="H441"/>
      <c r="I441"/>
      <c r="J441"/>
    </row>
    <row r="442" spans="1:10" x14ac:dyDescent="0.25">
      <c r="A442" s="7"/>
      <c r="B442"/>
      <c r="C442" s="23" t="s">
        <v>1050</v>
      </c>
      <c r="D442" s="23" t="s">
        <v>2241</v>
      </c>
      <c r="E442" s="1" t="str">
        <f t="shared" ref="E442" si="79" xml:space="preserve"> HYPERLINK(CONCATENATE("http://www.sap.com/community/tag.html?id=",$F442))</f>
        <v>http://www.sap.com/community/tag.html?id=67837800100800005966</v>
      </c>
      <c r="F442" s="23" t="s">
        <v>2658</v>
      </c>
      <c r="G442"/>
      <c r="H442"/>
      <c r="I442"/>
      <c r="J442"/>
    </row>
    <row r="443" spans="1:10" x14ac:dyDescent="0.25">
      <c r="A443" s="7"/>
      <c r="B443" t="s">
        <v>1211</v>
      </c>
      <c r="C443" s="23"/>
      <c r="D443" s="7" t="s">
        <v>5032</v>
      </c>
      <c r="E443" s="1"/>
      <c r="F443" s="23" t="s">
        <v>2659</v>
      </c>
      <c r="G443"/>
      <c r="H443"/>
      <c r="I443"/>
      <c r="J443"/>
    </row>
    <row r="444" spans="1:10" x14ac:dyDescent="0.25">
      <c r="A444" s="7"/>
      <c r="B444" s="23"/>
      <c r="C444" t="s">
        <v>1211</v>
      </c>
      <c r="D444" s="23" t="s">
        <v>2241</v>
      </c>
      <c r="E444" s="1" t="str">
        <f t="shared" ref="E444:E446" si="80" xml:space="preserve"> HYPERLINK(CONCATENATE("http://www.sap.com/community/tag.html?id=",$F444))</f>
        <v>http://www.sap.com/community/tag.html?id=67837800100800005767</v>
      </c>
      <c r="F444" s="23" t="s">
        <v>2660</v>
      </c>
      <c r="G444"/>
      <c r="H444"/>
      <c r="I444"/>
      <c r="J444"/>
    </row>
    <row r="445" spans="1:10" x14ac:dyDescent="0.25">
      <c r="A445" s="7"/>
      <c r="B445"/>
      <c r="C445" s="23" t="s">
        <v>424</v>
      </c>
      <c r="D445" s="23" t="s">
        <v>2241</v>
      </c>
      <c r="E445" s="1" t="str">
        <f t="shared" si="80"/>
        <v>http://www.sap.com/community/tag.html?id=67837800100800007237</v>
      </c>
      <c r="F445" s="23" t="s">
        <v>2661</v>
      </c>
      <c r="G445"/>
      <c r="H445"/>
      <c r="I445"/>
      <c r="J445"/>
    </row>
    <row r="446" spans="1:10" x14ac:dyDescent="0.25">
      <c r="A446" s="7"/>
      <c r="B446" s="23"/>
      <c r="C446" t="s">
        <v>2077</v>
      </c>
      <c r="D446" s="23" t="s">
        <v>2241</v>
      </c>
      <c r="E446" s="1" t="str">
        <f t="shared" si="80"/>
        <v>http://www.sap.com/community/tag.html?id=67837800100800005796</v>
      </c>
      <c r="F446" s="23" t="s">
        <v>2662</v>
      </c>
      <c r="G446"/>
      <c r="H446"/>
      <c r="I446"/>
      <c r="J446"/>
    </row>
    <row r="447" spans="1:10" x14ac:dyDescent="0.25">
      <c r="A447" s="7"/>
      <c r="B447" t="s">
        <v>1484</v>
      </c>
      <c r="C447" s="23"/>
      <c r="D447" s="7" t="s">
        <v>5032</v>
      </c>
      <c r="E447" s="1"/>
      <c r="F447" s="23" t="s">
        <v>2663</v>
      </c>
      <c r="G447"/>
      <c r="H447"/>
      <c r="I447"/>
      <c r="J447"/>
    </row>
    <row r="448" spans="1:10" x14ac:dyDescent="0.25">
      <c r="A448" s="7"/>
      <c r="B448" s="23"/>
      <c r="C448" t="s">
        <v>1484</v>
      </c>
      <c r="D448" s="23" t="s">
        <v>2241</v>
      </c>
      <c r="E448" s="1" t="str">
        <f t="shared" ref="E448" si="81" xml:space="preserve"> HYPERLINK(CONCATENATE("http://www.sap.com/community/tag.html?id=",$F448))</f>
        <v>http://www.sap.com/community/tag.html?id=01200615320800002966</v>
      </c>
      <c r="F448" s="23" t="s">
        <v>2664</v>
      </c>
      <c r="G448"/>
      <c r="H448"/>
      <c r="I448"/>
      <c r="J448"/>
    </row>
    <row r="449" spans="1:10" x14ac:dyDescent="0.25">
      <c r="A449" s="7"/>
      <c r="B449" t="s">
        <v>1146</v>
      </c>
      <c r="C449" s="23"/>
      <c r="D449" s="7" t="s">
        <v>5032</v>
      </c>
      <c r="E449" s="1"/>
      <c r="F449" s="23" t="s">
        <v>2665</v>
      </c>
      <c r="G449"/>
      <c r="H449"/>
      <c r="I449"/>
      <c r="J449"/>
    </row>
    <row r="450" spans="1:10" x14ac:dyDescent="0.25">
      <c r="A450" s="7"/>
      <c r="B450"/>
      <c r="C450" s="23" t="s">
        <v>1146</v>
      </c>
      <c r="D450" s="23" t="s">
        <v>2241</v>
      </c>
      <c r="E450" s="1" t="str">
        <f t="shared" ref="E450" si="82" xml:space="preserve"> HYPERLINK(CONCATENATE("http://www.sap.com/community/tag.html?id=",$F450))</f>
        <v>http://www.sap.com/community/tag.html?id=01200314690800000169</v>
      </c>
      <c r="F450" s="23" t="s">
        <v>2666</v>
      </c>
      <c r="G450"/>
      <c r="H450"/>
      <c r="I450"/>
      <c r="J450"/>
    </row>
    <row r="451" spans="1:10" x14ac:dyDescent="0.25">
      <c r="A451" s="7"/>
      <c r="B451" s="23" t="s">
        <v>279</v>
      </c>
      <c r="C451"/>
      <c r="D451" s="7" t="s">
        <v>5032</v>
      </c>
      <c r="E451" s="1"/>
      <c r="F451" s="23" t="s">
        <v>2667</v>
      </c>
      <c r="G451"/>
      <c r="H451"/>
      <c r="I451"/>
      <c r="J451"/>
    </row>
    <row r="452" spans="1:10" x14ac:dyDescent="0.25">
      <c r="A452" s="7"/>
      <c r="B452"/>
      <c r="C452" s="23" t="s">
        <v>279</v>
      </c>
      <c r="D452" s="23" t="s">
        <v>2241</v>
      </c>
      <c r="E452" s="1" t="str">
        <f t="shared" ref="E452:E453" si="83" xml:space="preserve"> HYPERLINK(CONCATENATE("http://www.sap.com/community/tag.html?id=",$F452))</f>
        <v>http://www.sap.com/community/tag.html?id=01200615320800003659</v>
      </c>
      <c r="F452" s="23" t="s">
        <v>2668</v>
      </c>
      <c r="G452"/>
      <c r="H452"/>
      <c r="I452"/>
      <c r="J452"/>
    </row>
    <row r="453" spans="1:10" x14ac:dyDescent="0.25">
      <c r="A453" s="7"/>
      <c r="B453"/>
      <c r="C453" s="23" t="s">
        <v>605</v>
      </c>
      <c r="D453" s="23" t="s">
        <v>2241</v>
      </c>
      <c r="E453" s="1" t="str">
        <f t="shared" si="83"/>
        <v>http://www.sap.com/community/tag.html?id=01200615320800004027</v>
      </c>
      <c r="F453" s="23" t="s">
        <v>2669</v>
      </c>
      <c r="G453"/>
      <c r="H453"/>
      <c r="I453"/>
      <c r="J453"/>
    </row>
    <row r="454" spans="1:10" x14ac:dyDescent="0.25">
      <c r="A454" s="7"/>
      <c r="B454" t="s">
        <v>1988</v>
      </c>
      <c r="C454" s="23"/>
      <c r="D454" s="7" t="s">
        <v>5032</v>
      </c>
      <c r="E454" s="1"/>
      <c r="F454" s="23" t="s">
        <v>2670</v>
      </c>
      <c r="G454"/>
      <c r="H454"/>
      <c r="I454"/>
      <c r="J454"/>
    </row>
    <row r="455" spans="1:10" x14ac:dyDescent="0.25">
      <c r="A455" s="7"/>
      <c r="B455" s="23"/>
      <c r="C455" t="s">
        <v>1988</v>
      </c>
      <c r="D455" s="23" t="s">
        <v>2241</v>
      </c>
      <c r="E455" s="1" t="str">
        <f t="shared" ref="E455:E457" si="84" xml:space="preserve"> HYPERLINK(CONCATENATE("http://www.sap.com/community/tag.html?id=",$F455))</f>
        <v>http://www.sap.com/community/tag.html?id=67837800100800004436</v>
      </c>
      <c r="F455" s="23" t="s">
        <v>2671</v>
      </c>
      <c r="G455"/>
      <c r="H455"/>
      <c r="I455"/>
      <c r="J455"/>
    </row>
    <row r="456" spans="1:10" x14ac:dyDescent="0.25">
      <c r="A456" s="7"/>
      <c r="B456"/>
      <c r="C456" s="23" t="s">
        <v>638</v>
      </c>
      <c r="D456" s="23" t="s">
        <v>2241</v>
      </c>
      <c r="E456" s="1" t="str">
        <f t="shared" si="84"/>
        <v>http://www.sap.com/community/tag.html?id=67837800100800006794</v>
      </c>
      <c r="F456" s="23" t="s">
        <v>2672</v>
      </c>
      <c r="G456"/>
      <c r="H456"/>
      <c r="I456"/>
      <c r="J456"/>
    </row>
    <row r="457" spans="1:10" x14ac:dyDescent="0.25">
      <c r="A457" s="7"/>
      <c r="B457" s="23"/>
      <c r="C457" t="s">
        <v>1159</v>
      </c>
      <c r="D457" s="23" t="s">
        <v>2241</v>
      </c>
      <c r="E457" s="1" t="str">
        <f t="shared" si="84"/>
        <v>http://www.sap.com/community/tag.html?id=67837800100800004428</v>
      </c>
      <c r="F457" s="23" t="s">
        <v>2673</v>
      </c>
      <c r="G457"/>
      <c r="H457"/>
      <c r="I457"/>
      <c r="J457"/>
    </row>
    <row r="458" spans="1:10" x14ac:dyDescent="0.25">
      <c r="A458" s="7"/>
      <c r="B458" t="s">
        <v>415</v>
      </c>
      <c r="C458" s="23"/>
      <c r="D458" s="7" t="s">
        <v>5032</v>
      </c>
      <c r="E458" s="1"/>
      <c r="F458" s="23" t="s">
        <v>2674</v>
      </c>
      <c r="G458"/>
      <c r="H458"/>
      <c r="I458"/>
      <c r="J458"/>
    </row>
    <row r="459" spans="1:10" x14ac:dyDescent="0.25">
      <c r="A459" s="7"/>
      <c r="B459" s="23"/>
      <c r="C459" t="s">
        <v>415</v>
      </c>
      <c r="D459" s="23" t="s">
        <v>2241</v>
      </c>
      <c r="E459" s="1" t="str">
        <f t="shared" ref="E459" si="85" xml:space="preserve"> HYPERLINK(CONCATENATE("http://www.sap.com/community/tag.html?id=",$F459))</f>
        <v>http://www.sap.com/community/tag.html?id=73554900100800000318</v>
      </c>
      <c r="F459" s="23" t="s">
        <v>2675</v>
      </c>
      <c r="G459"/>
      <c r="H459"/>
      <c r="I459"/>
      <c r="J459"/>
    </row>
    <row r="460" spans="1:10" x14ac:dyDescent="0.25">
      <c r="A460" s="7"/>
      <c r="B460" t="s">
        <v>1858</v>
      </c>
      <c r="C460" s="23"/>
      <c r="D460" s="7" t="s">
        <v>5032</v>
      </c>
      <c r="E460" s="1"/>
      <c r="F460" s="23" t="s">
        <v>2676</v>
      </c>
      <c r="G460"/>
      <c r="H460"/>
      <c r="I460"/>
      <c r="J460"/>
    </row>
    <row r="461" spans="1:10" x14ac:dyDescent="0.25">
      <c r="A461" s="7"/>
      <c r="B461"/>
      <c r="C461" s="23" t="s">
        <v>1858</v>
      </c>
      <c r="D461" s="23" t="s">
        <v>2241</v>
      </c>
      <c r="E461" s="1" t="str">
        <f t="shared" ref="E461" si="86" xml:space="preserve"> HYPERLINK(CONCATENATE("http://www.sap.com/community/tag.html?id=",$F461))</f>
        <v>http://www.sap.com/community/tag.html?id=67838200100800006251</v>
      </c>
      <c r="F461" s="23" t="s">
        <v>2677</v>
      </c>
      <c r="G461"/>
      <c r="H461"/>
      <c r="I461"/>
      <c r="J461"/>
    </row>
    <row r="462" spans="1:10" x14ac:dyDescent="0.25">
      <c r="A462" s="7"/>
      <c r="B462" t="s">
        <v>394</v>
      </c>
      <c r="C462" s="23"/>
      <c r="D462" s="7" t="s">
        <v>5032</v>
      </c>
      <c r="E462" s="1"/>
      <c r="F462" s="23" t="s">
        <v>2678</v>
      </c>
      <c r="G462"/>
      <c r="H462"/>
      <c r="I462"/>
      <c r="J462"/>
    </row>
    <row r="463" spans="1:10" x14ac:dyDescent="0.25">
      <c r="A463" s="7"/>
      <c r="B463" s="23"/>
      <c r="C463" t="s">
        <v>394</v>
      </c>
      <c r="D463" s="23" t="s">
        <v>2241</v>
      </c>
      <c r="E463" s="1" t="str">
        <f t="shared" ref="E463:E465" si="87" xml:space="preserve"> HYPERLINK(CONCATENATE("http://www.sap.com/community/tag.html?id=",$F463))</f>
        <v>http://www.sap.com/community/tag.html?id=67838200100800005450</v>
      </c>
      <c r="F463" s="23" t="s">
        <v>2679</v>
      </c>
      <c r="G463"/>
      <c r="H463"/>
      <c r="I463"/>
      <c r="J463"/>
    </row>
    <row r="464" spans="1:10" x14ac:dyDescent="0.25">
      <c r="A464" s="7"/>
      <c r="B464"/>
      <c r="C464" s="23" t="s">
        <v>1219</v>
      </c>
      <c r="D464" s="23" t="s">
        <v>2241</v>
      </c>
      <c r="E464" s="1" t="str">
        <f t="shared" si="87"/>
        <v>http://www.sap.com/community/tag.html?id=67838200100800005419</v>
      </c>
      <c r="F464" s="23" t="s">
        <v>2680</v>
      </c>
      <c r="G464"/>
      <c r="H464"/>
      <c r="I464"/>
      <c r="J464"/>
    </row>
    <row r="465" spans="1:10" x14ac:dyDescent="0.25">
      <c r="A465" s="7"/>
      <c r="B465"/>
      <c r="C465" s="23" t="s">
        <v>387</v>
      </c>
      <c r="D465" s="23" t="s">
        <v>2241</v>
      </c>
      <c r="E465" s="1" t="str">
        <f t="shared" si="87"/>
        <v>http://www.sap.com/community/tag.html?id=67837800100800006349</v>
      </c>
      <c r="F465" s="23" t="s">
        <v>2681</v>
      </c>
      <c r="G465"/>
      <c r="H465"/>
      <c r="I465"/>
      <c r="J465"/>
    </row>
    <row r="466" spans="1:10" x14ac:dyDescent="0.25">
      <c r="A466" s="7"/>
      <c r="B466" t="s">
        <v>329</v>
      </c>
      <c r="C466" s="23"/>
      <c r="D466" s="7" t="s">
        <v>5032</v>
      </c>
      <c r="E466" s="1"/>
      <c r="F466" s="23" t="s">
        <v>2682</v>
      </c>
      <c r="G466"/>
      <c r="H466"/>
      <c r="I466"/>
      <c r="J466"/>
    </row>
    <row r="467" spans="1:10" x14ac:dyDescent="0.25">
      <c r="A467" s="7"/>
      <c r="B467"/>
      <c r="C467" s="23" t="s">
        <v>996</v>
      </c>
      <c r="D467" s="23" t="s">
        <v>2241</v>
      </c>
      <c r="E467" s="1" t="str">
        <f t="shared" ref="E467:E483" si="88" xml:space="preserve"> HYPERLINK(CONCATENATE("http://www.sap.com/community/tag.html?id=",$F467))</f>
        <v>http://www.sap.com/community/tag.html?id=67838200100800006478</v>
      </c>
      <c r="F467" s="23" t="s">
        <v>2683</v>
      </c>
      <c r="G467"/>
      <c r="H467"/>
      <c r="I467"/>
      <c r="J467"/>
    </row>
    <row r="468" spans="1:10" x14ac:dyDescent="0.25">
      <c r="A468" s="7"/>
      <c r="B468"/>
      <c r="C468" s="23" t="s">
        <v>52</v>
      </c>
      <c r="D468" s="23" t="s">
        <v>2241</v>
      </c>
      <c r="E468" s="1" t="str">
        <f t="shared" si="88"/>
        <v>http://www.sap.com/community/tag.html?id=01200615320800000896</v>
      </c>
      <c r="F468" s="23" t="s">
        <v>2684</v>
      </c>
      <c r="G468"/>
      <c r="H468"/>
      <c r="I468"/>
      <c r="J468"/>
    </row>
    <row r="469" spans="1:10" x14ac:dyDescent="0.25">
      <c r="A469" s="7"/>
      <c r="B469"/>
      <c r="C469" s="23" t="s">
        <v>857</v>
      </c>
      <c r="D469" s="23" t="s">
        <v>2241</v>
      </c>
      <c r="E469" s="1" t="str">
        <f t="shared" si="88"/>
        <v>http://www.sap.com/community/tag.html?id=67838200100800006202</v>
      </c>
      <c r="F469" s="23" t="s">
        <v>2685</v>
      </c>
      <c r="G469"/>
      <c r="H469"/>
      <c r="I469"/>
      <c r="J469"/>
    </row>
    <row r="470" spans="1:10" x14ac:dyDescent="0.25">
      <c r="A470" s="7"/>
      <c r="B470"/>
      <c r="C470" s="23" t="s">
        <v>780</v>
      </c>
      <c r="D470" s="23" t="s">
        <v>2241</v>
      </c>
      <c r="E470" s="1" t="str">
        <f t="shared" si="88"/>
        <v>http://www.sap.com/community/tag.html?id=67838200100800006667</v>
      </c>
      <c r="F470" s="23" t="s">
        <v>2686</v>
      </c>
      <c r="G470"/>
      <c r="H470"/>
      <c r="I470"/>
      <c r="J470"/>
    </row>
    <row r="471" spans="1:10" x14ac:dyDescent="0.25">
      <c r="A471" s="7"/>
      <c r="B471"/>
      <c r="C471" s="23" t="s">
        <v>1190</v>
      </c>
      <c r="D471" s="23" t="s">
        <v>2241</v>
      </c>
      <c r="E471" s="1" t="str">
        <f t="shared" si="88"/>
        <v>http://www.sap.com/community/tag.html?id=01200615320800000607</v>
      </c>
      <c r="F471" s="23" t="s">
        <v>2687</v>
      </c>
      <c r="G471"/>
      <c r="H471"/>
      <c r="I471"/>
      <c r="J471"/>
    </row>
    <row r="472" spans="1:10" x14ac:dyDescent="0.25">
      <c r="A472" s="7"/>
      <c r="B472"/>
      <c r="C472" s="23" t="s">
        <v>273</v>
      </c>
      <c r="D472" s="23" t="s">
        <v>2241</v>
      </c>
      <c r="E472" s="1" t="str">
        <f t="shared" si="88"/>
        <v>http://www.sap.com/community/tag.html?id=01200314690800000159</v>
      </c>
      <c r="F472" s="23" t="s">
        <v>2688</v>
      </c>
      <c r="G472"/>
      <c r="H472"/>
      <c r="I472"/>
      <c r="J472"/>
    </row>
    <row r="473" spans="1:10" x14ac:dyDescent="0.25">
      <c r="A473" s="7"/>
      <c r="B473"/>
      <c r="C473" s="23" t="s">
        <v>1082</v>
      </c>
      <c r="D473" s="23" t="s">
        <v>2241</v>
      </c>
      <c r="E473" s="1" t="str">
        <f t="shared" si="88"/>
        <v>http://www.sap.com/community/tag.html?id=01200314690800002597</v>
      </c>
      <c r="F473" s="23" t="s">
        <v>2689</v>
      </c>
      <c r="G473"/>
      <c r="H473"/>
      <c r="I473"/>
      <c r="J473"/>
    </row>
    <row r="474" spans="1:10" x14ac:dyDescent="0.25">
      <c r="A474" s="7"/>
      <c r="B474"/>
      <c r="C474" s="23" t="s">
        <v>329</v>
      </c>
      <c r="D474" s="23" t="s">
        <v>2241</v>
      </c>
      <c r="E474" s="1" t="str">
        <f t="shared" si="88"/>
        <v>http://www.sap.com/community/tag.html?id=01200615320800000556</v>
      </c>
      <c r="F474" s="23" t="s">
        <v>2690</v>
      </c>
      <c r="G474"/>
      <c r="H474"/>
      <c r="I474"/>
      <c r="J474"/>
    </row>
    <row r="475" spans="1:10" x14ac:dyDescent="0.25">
      <c r="A475" s="7"/>
      <c r="B475"/>
      <c r="C475" s="23" t="s">
        <v>1548</v>
      </c>
      <c r="D475" s="23" t="s">
        <v>2241</v>
      </c>
      <c r="E475" s="1" t="str">
        <f t="shared" si="88"/>
        <v>http://www.sap.com/community/tag.html?id=01200314690800000190</v>
      </c>
      <c r="F475" s="23" t="s">
        <v>2691</v>
      </c>
      <c r="G475"/>
      <c r="H475"/>
      <c r="I475"/>
      <c r="J475"/>
    </row>
    <row r="476" spans="1:10" x14ac:dyDescent="0.25">
      <c r="A476" s="7"/>
      <c r="B476"/>
      <c r="C476" s="23" t="s">
        <v>1629</v>
      </c>
      <c r="D476" s="23" t="s">
        <v>2241</v>
      </c>
      <c r="E476" s="1" t="str">
        <f t="shared" si="88"/>
        <v>http://www.sap.com/community/tag.html?id=01200314690800000129</v>
      </c>
      <c r="F476" s="23" t="s">
        <v>2692</v>
      </c>
      <c r="G476"/>
      <c r="H476"/>
      <c r="I476"/>
      <c r="J476"/>
    </row>
    <row r="477" spans="1:10" x14ac:dyDescent="0.25">
      <c r="A477" s="7"/>
      <c r="B477"/>
      <c r="C477" s="23" t="s">
        <v>2160</v>
      </c>
      <c r="D477" s="23" t="s">
        <v>2241</v>
      </c>
      <c r="E477" s="1" t="str">
        <f t="shared" si="88"/>
        <v>http://www.sap.com/community/tag.html?id=01200314690800000700</v>
      </c>
      <c r="F477" s="23" t="s">
        <v>2693</v>
      </c>
      <c r="G477"/>
      <c r="H477"/>
      <c r="I477"/>
      <c r="J477"/>
    </row>
    <row r="478" spans="1:10" x14ac:dyDescent="0.25">
      <c r="A478" s="7"/>
      <c r="B478"/>
      <c r="C478" s="23" t="s">
        <v>964</v>
      </c>
      <c r="D478" s="23" t="s">
        <v>2241</v>
      </c>
      <c r="E478" s="1" t="str">
        <f t="shared" si="88"/>
        <v>http://www.sap.com/community/tag.html?id=67838200100800004845</v>
      </c>
      <c r="F478" s="23" t="s">
        <v>2694</v>
      </c>
      <c r="G478"/>
      <c r="H478"/>
      <c r="I478"/>
      <c r="J478"/>
    </row>
    <row r="479" spans="1:10" x14ac:dyDescent="0.25">
      <c r="A479" s="7"/>
      <c r="B479"/>
      <c r="C479" s="23" t="s">
        <v>829</v>
      </c>
      <c r="D479" s="23" t="s">
        <v>2241</v>
      </c>
      <c r="E479" s="1" t="str">
        <f t="shared" si="88"/>
        <v>http://www.sap.com/community/tag.html?id=01200314690800000133</v>
      </c>
      <c r="F479" s="23" t="s">
        <v>2695</v>
      </c>
      <c r="G479"/>
      <c r="H479"/>
      <c r="I479"/>
      <c r="J479"/>
    </row>
    <row r="480" spans="1:10" x14ac:dyDescent="0.25">
      <c r="A480" s="7"/>
      <c r="B480"/>
      <c r="C480" s="23" t="s">
        <v>979</v>
      </c>
      <c r="D480" s="23" t="s">
        <v>2241</v>
      </c>
      <c r="E480" s="1" t="str">
        <f t="shared" si="88"/>
        <v>http://www.sap.com/community/tag.html?id=01200615320800003394</v>
      </c>
      <c r="F480" s="23" t="s">
        <v>2696</v>
      </c>
      <c r="G480"/>
      <c r="H480"/>
      <c r="I480"/>
      <c r="J480"/>
    </row>
    <row r="481" spans="1:10" x14ac:dyDescent="0.25">
      <c r="A481" s="7"/>
      <c r="B481" s="23"/>
      <c r="C481" t="s">
        <v>914</v>
      </c>
      <c r="D481" s="23" t="s">
        <v>2241</v>
      </c>
      <c r="E481" s="1" t="str">
        <f t="shared" si="88"/>
        <v>http://www.sap.com/community/tag.html?id=67837800100800006497</v>
      </c>
      <c r="F481" s="23" t="s">
        <v>2697</v>
      </c>
      <c r="G481"/>
      <c r="H481"/>
      <c r="I481"/>
      <c r="J481"/>
    </row>
    <row r="482" spans="1:10" x14ac:dyDescent="0.25">
      <c r="A482" s="7"/>
      <c r="B482"/>
      <c r="C482" s="23" t="s">
        <v>1526</v>
      </c>
      <c r="D482" s="23" t="s">
        <v>2241</v>
      </c>
      <c r="E482" s="1" t="str">
        <f t="shared" si="88"/>
        <v>http://www.sap.com/community/tag.html?id=67838200100800004948</v>
      </c>
      <c r="F482" s="23" t="s">
        <v>2698</v>
      </c>
      <c r="G482"/>
      <c r="H482"/>
      <c r="I482"/>
      <c r="J482"/>
    </row>
    <row r="483" spans="1:10" x14ac:dyDescent="0.25">
      <c r="A483" s="7"/>
      <c r="B483"/>
      <c r="C483" s="23" t="s">
        <v>624</v>
      </c>
      <c r="D483" s="23" t="s">
        <v>2241</v>
      </c>
      <c r="E483" s="1" t="str">
        <f t="shared" si="88"/>
        <v>http://www.sap.com/community/tag.html?id=67837800100800006498</v>
      </c>
      <c r="F483" s="23" t="s">
        <v>2699</v>
      </c>
      <c r="G483"/>
      <c r="H483"/>
      <c r="I483"/>
      <c r="J483"/>
    </row>
    <row r="484" spans="1:10" x14ac:dyDescent="0.25">
      <c r="A484" s="7"/>
      <c r="B484" s="23" t="s">
        <v>186</v>
      </c>
      <c r="C484"/>
      <c r="D484" s="7" t="s">
        <v>5032</v>
      </c>
      <c r="E484" s="1"/>
      <c r="F484" s="23" t="s">
        <v>2700</v>
      </c>
      <c r="G484"/>
      <c r="H484"/>
      <c r="I484"/>
      <c r="J484"/>
    </row>
    <row r="485" spans="1:10" x14ac:dyDescent="0.25">
      <c r="A485" s="7"/>
      <c r="B485"/>
      <c r="C485" s="23" t="s">
        <v>186</v>
      </c>
      <c r="D485" s="23" t="s">
        <v>2241</v>
      </c>
      <c r="E485" s="1" t="str">
        <f t="shared" ref="E485:E486" si="89" xml:space="preserve"> HYPERLINK(CONCATENATE("http://www.sap.com/community/tag.html?id=",$F485))</f>
        <v>http://www.sap.com/community/tag.html?id=01200314690800000145</v>
      </c>
      <c r="F485" s="23" t="s">
        <v>2701</v>
      </c>
      <c r="G485"/>
      <c r="H485"/>
      <c r="I485"/>
      <c r="J485"/>
    </row>
    <row r="486" spans="1:10" x14ac:dyDescent="0.25">
      <c r="A486" s="7"/>
      <c r="B486"/>
      <c r="C486" s="23" t="s">
        <v>1801</v>
      </c>
      <c r="D486" s="23" t="s">
        <v>2241</v>
      </c>
      <c r="E486" s="1" t="str">
        <f t="shared" si="89"/>
        <v>http://www.sap.com/community/tag.html?id=73554900100800000763</v>
      </c>
      <c r="F486" s="23" t="s">
        <v>2702</v>
      </c>
      <c r="G486"/>
      <c r="H486"/>
      <c r="I486"/>
      <c r="J486"/>
    </row>
    <row r="487" spans="1:10" x14ac:dyDescent="0.25">
      <c r="A487" s="7"/>
      <c r="B487" s="23" t="s">
        <v>1614</v>
      </c>
      <c r="C487"/>
      <c r="D487" s="7" t="s">
        <v>5032</v>
      </c>
      <c r="E487" s="1"/>
      <c r="F487" s="23" t="s">
        <v>2703</v>
      </c>
      <c r="G487"/>
      <c r="H487"/>
      <c r="I487"/>
      <c r="J487"/>
    </row>
    <row r="488" spans="1:10" x14ac:dyDescent="0.25">
      <c r="A488" s="7"/>
      <c r="B488"/>
      <c r="C488" s="23" t="s">
        <v>1144</v>
      </c>
      <c r="D488" s="23" t="s">
        <v>2241</v>
      </c>
      <c r="E488" s="1" t="str">
        <f t="shared" ref="E488:E489" si="90" xml:space="preserve"> HYPERLINK(CONCATENATE("http://www.sap.com/community/tag.html?id=",$F488))</f>
        <v>http://www.sap.com/community/tag.html?id=01200615320800000595</v>
      </c>
      <c r="F488" s="23" t="s">
        <v>2704</v>
      </c>
      <c r="G488"/>
      <c r="H488"/>
      <c r="I488"/>
      <c r="J488"/>
    </row>
    <row r="489" spans="1:10" x14ac:dyDescent="0.25">
      <c r="A489" s="7"/>
      <c r="B489"/>
      <c r="C489" s="23" t="s">
        <v>826</v>
      </c>
      <c r="D489" s="23" t="s">
        <v>2241</v>
      </c>
      <c r="E489" s="1" t="str">
        <f t="shared" si="90"/>
        <v>http://www.sap.com/community/tag.html?id=01200615320800000653</v>
      </c>
      <c r="F489" s="23" t="s">
        <v>2705</v>
      </c>
      <c r="G489"/>
      <c r="H489"/>
      <c r="I489"/>
      <c r="J489"/>
    </row>
    <row r="490" spans="1:10" x14ac:dyDescent="0.25">
      <c r="A490" s="7"/>
      <c r="B490" t="s">
        <v>1431</v>
      </c>
      <c r="C490" s="23"/>
      <c r="D490" s="7" t="s">
        <v>5032</v>
      </c>
      <c r="E490" s="1"/>
      <c r="F490" s="23" t="s">
        <v>2706</v>
      </c>
      <c r="G490"/>
      <c r="H490"/>
      <c r="I490"/>
      <c r="J490"/>
    </row>
    <row r="491" spans="1:10" x14ac:dyDescent="0.25">
      <c r="A491" s="7"/>
      <c r="B491"/>
      <c r="C491" s="23" t="s">
        <v>781</v>
      </c>
      <c r="D491" s="23" t="s">
        <v>2241</v>
      </c>
      <c r="E491" s="1" t="str">
        <f t="shared" ref="E491:E494" si="91" xml:space="preserve"> HYPERLINK(CONCATENATE("http://www.sap.com/community/tag.html?id=",$F491))</f>
        <v>http://www.sap.com/community/tag.html?id=01200314690800002598</v>
      </c>
      <c r="F491" s="23" t="s">
        <v>2707</v>
      </c>
      <c r="G491"/>
      <c r="H491"/>
      <c r="I491"/>
      <c r="J491"/>
    </row>
    <row r="492" spans="1:10" x14ac:dyDescent="0.25">
      <c r="A492" s="7"/>
      <c r="B492" s="23"/>
      <c r="C492" t="s">
        <v>171</v>
      </c>
      <c r="D492" s="23" t="s">
        <v>2241</v>
      </c>
      <c r="E492" s="1" t="str">
        <f t="shared" si="91"/>
        <v>http://www.sap.com/community/tag.html?id=67837800100800004466</v>
      </c>
      <c r="F492" s="23" t="s">
        <v>2708</v>
      </c>
      <c r="G492"/>
      <c r="H492"/>
      <c r="I492"/>
      <c r="J492"/>
    </row>
    <row r="493" spans="1:10" x14ac:dyDescent="0.25">
      <c r="A493" s="7"/>
      <c r="B493"/>
      <c r="C493" s="23" t="s">
        <v>1962</v>
      </c>
      <c r="D493" s="23" t="s">
        <v>2241</v>
      </c>
      <c r="E493" s="1" t="str">
        <f t="shared" si="91"/>
        <v>http://www.sap.com/community/tag.html?id=67837800100800005164</v>
      </c>
      <c r="F493" s="23" t="s">
        <v>2709</v>
      </c>
      <c r="G493"/>
      <c r="H493"/>
      <c r="I493"/>
      <c r="J493"/>
    </row>
    <row r="494" spans="1:10" x14ac:dyDescent="0.25">
      <c r="A494" s="7"/>
      <c r="B494"/>
      <c r="C494" s="23" t="s">
        <v>531</v>
      </c>
      <c r="D494" s="23" t="s">
        <v>2241</v>
      </c>
      <c r="E494" s="1" t="str">
        <f t="shared" si="91"/>
        <v>http://www.sap.com/community/tag.html?id=67838200100800005777</v>
      </c>
      <c r="F494" s="23" t="s">
        <v>2710</v>
      </c>
      <c r="G494"/>
      <c r="H494"/>
      <c r="I494"/>
      <c r="J494"/>
    </row>
    <row r="495" spans="1:10" x14ac:dyDescent="0.25">
      <c r="A495" s="7"/>
      <c r="B495" t="s">
        <v>1717</v>
      </c>
      <c r="C495" s="23"/>
      <c r="D495" s="7" t="s">
        <v>5032</v>
      </c>
      <c r="E495" s="1"/>
      <c r="F495" s="23" t="s">
        <v>2711</v>
      </c>
      <c r="G495"/>
      <c r="H495"/>
      <c r="I495"/>
      <c r="J495"/>
    </row>
    <row r="496" spans="1:10" x14ac:dyDescent="0.25">
      <c r="A496" s="7"/>
      <c r="B496"/>
      <c r="C496" s="23" t="s">
        <v>1717</v>
      </c>
      <c r="D496" s="23" t="s">
        <v>2241</v>
      </c>
      <c r="E496" s="1" t="str">
        <f t="shared" ref="E496:E499" si="92" xml:space="preserve"> HYPERLINK(CONCATENATE("http://www.sap.com/community/tag.html?id=",$F496))</f>
        <v>http://www.sap.com/community/tag.html?id=01200615320800000734</v>
      </c>
      <c r="F496" s="23" t="s">
        <v>2712</v>
      </c>
      <c r="G496"/>
      <c r="H496"/>
      <c r="I496"/>
      <c r="J496"/>
    </row>
    <row r="497" spans="1:10" x14ac:dyDescent="0.25">
      <c r="A497" s="7"/>
      <c r="B497" s="23"/>
      <c r="C497" t="s">
        <v>1680</v>
      </c>
      <c r="D497" s="23" t="s">
        <v>2241</v>
      </c>
      <c r="E497" s="1" t="str">
        <f t="shared" si="92"/>
        <v>http://www.sap.com/community/tag.html?id=01200615320800000735</v>
      </c>
      <c r="F497" s="23" t="s">
        <v>2713</v>
      </c>
      <c r="G497"/>
      <c r="H497"/>
      <c r="I497"/>
      <c r="J497"/>
    </row>
    <row r="498" spans="1:10" x14ac:dyDescent="0.25">
      <c r="A498" s="7"/>
      <c r="B498"/>
      <c r="C498" s="23" t="s">
        <v>1816</v>
      </c>
      <c r="D498" s="23" t="s">
        <v>2241</v>
      </c>
      <c r="E498" s="1" t="str">
        <f t="shared" si="92"/>
        <v>http://www.sap.com/community/tag.html?id=01200314690800000165</v>
      </c>
      <c r="F498" s="23" t="s">
        <v>2714</v>
      </c>
      <c r="G498"/>
      <c r="H498"/>
      <c r="I498"/>
      <c r="J498"/>
    </row>
    <row r="499" spans="1:10" x14ac:dyDescent="0.25">
      <c r="A499" s="7"/>
      <c r="B499" s="23"/>
      <c r="C499" t="s">
        <v>584</v>
      </c>
      <c r="D499" s="23" t="s">
        <v>2241</v>
      </c>
      <c r="E499" s="1" t="str">
        <f t="shared" si="92"/>
        <v>http://www.sap.com/community/tag.html?id=01200314690800000163</v>
      </c>
      <c r="F499" s="23" t="s">
        <v>2715</v>
      </c>
      <c r="G499"/>
      <c r="H499"/>
      <c r="I499"/>
      <c r="J499"/>
    </row>
    <row r="500" spans="1:10" x14ac:dyDescent="0.25">
      <c r="A500" s="7"/>
      <c r="B500" t="s">
        <v>496</v>
      </c>
      <c r="C500" s="23"/>
      <c r="D500" s="7" t="s">
        <v>5032</v>
      </c>
      <c r="E500" s="1"/>
      <c r="F500" s="23" t="s">
        <v>2716</v>
      </c>
      <c r="G500"/>
      <c r="H500"/>
      <c r="I500"/>
      <c r="J500"/>
    </row>
    <row r="501" spans="1:10" x14ac:dyDescent="0.25">
      <c r="A501" s="7"/>
      <c r="B501"/>
      <c r="C501" s="23" t="s">
        <v>382</v>
      </c>
      <c r="D501" s="23" t="s">
        <v>2241</v>
      </c>
      <c r="E501" s="1" t="str">
        <f t="shared" ref="E501" si="93" xml:space="preserve"> HYPERLINK(CONCATENATE("http://www.sap.com/community/tag.html?id=",$F501))</f>
        <v>http://www.sap.com/community/tag.html?id=67837800100800007292</v>
      </c>
      <c r="F501" s="23" t="s">
        <v>2717</v>
      </c>
      <c r="G501"/>
      <c r="H501"/>
      <c r="I501"/>
      <c r="J501"/>
    </row>
    <row r="502" spans="1:10" x14ac:dyDescent="0.25">
      <c r="A502" s="7"/>
      <c r="B502" s="23" t="s">
        <v>1634</v>
      </c>
      <c r="C502"/>
      <c r="D502" s="7" t="s">
        <v>5032</v>
      </c>
      <c r="E502" s="1"/>
      <c r="F502" s="23" t="s">
        <v>2718</v>
      </c>
      <c r="G502"/>
      <c r="H502"/>
      <c r="I502"/>
      <c r="J502"/>
    </row>
    <row r="503" spans="1:10" x14ac:dyDescent="0.25">
      <c r="A503" s="7"/>
      <c r="B503"/>
      <c r="C503" s="23" t="s">
        <v>1634</v>
      </c>
      <c r="D503" s="23" t="s">
        <v>2241</v>
      </c>
      <c r="E503" s="1" t="str">
        <f t="shared" ref="E503:E504" si="94" xml:space="preserve"> HYPERLINK(CONCATENATE("http://www.sap.com/community/tag.html?id=",$F503))</f>
        <v>http://www.sap.com/community/tag.html?id=67837800100800004490</v>
      </c>
      <c r="F503" s="23" t="s">
        <v>2719</v>
      </c>
      <c r="G503"/>
      <c r="H503"/>
      <c r="I503"/>
      <c r="J503"/>
    </row>
    <row r="504" spans="1:10" x14ac:dyDescent="0.25">
      <c r="A504" s="7"/>
      <c r="B504"/>
      <c r="C504" s="23" t="s">
        <v>919</v>
      </c>
      <c r="D504" s="23" t="s">
        <v>2241</v>
      </c>
      <c r="E504" s="1" t="str">
        <f t="shared" si="94"/>
        <v>http://www.sap.com/community/tag.html?id=67837800100800004881</v>
      </c>
      <c r="F504" s="23" t="s">
        <v>2720</v>
      </c>
      <c r="G504"/>
      <c r="H504"/>
      <c r="I504"/>
      <c r="J504"/>
    </row>
    <row r="505" spans="1:10" x14ac:dyDescent="0.25">
      <c r="A505" s="7"/>
      <c r="B505" s="23" t="s">
        <v>125</v>
      </c>
      <c r="C505"/>
      <c r="D505" s="7" t="s">
        <v>5032</v>
      </c>
      <c r="E505" s="1"/>
      <c r="F505" s="23" t="s">
        <v>2721</v>
      </c>
      <c r="G505"/>
      <c r="H505"/>
      <c r="I505"/>
      <c r="J505"/>
    </row>
    <row r="506" spans="1:10" x14ac:dyDescent="0.25">
      <c r="A506" s="7"/>
      <c r="B506"/>
      <c r="C506" s="23" t="s">
        <v>125</v>
      </c>
      <c r="D506" s="23" t="s">
        <v>2241</v>
      </c>
      <c r="E506" s="1" t="str">
        <f t="shared" ref="E506:E507" si="95" xml:space="preserve"> HYPERLINK(CONCATENATE("http://www.sap.com/community/tag.html?id=",$F506))</f>
        <v>http://www.sap.com/community/tag.html?id=01200615320800003644</v>
      </c>
      <c r="F506" s="23" t="s">
        <v>2722</v>
      </c>
      <c r="G506"/>
      <c r="H506"/>
      <c r="I506"/>
      <c r="J506"/>
    </row>
    <row r="507" spans="1:10" x14ac:dyDescent="0.25">
      <c r="A507" s="7"/>
      <c r="B507"/>
      <c r="C507" s="23" t="s">
        <v>1933</v>
      </c>
      <c r="D507" s="23" t="s">
        <v>2241</v>
      </c>
      <c r="E507" s="1" t="str">
        <f t="shared" si="95"/>
        <v>http://www.sap.com/community/tag.html?id=01200615320800003836</v>
      </c>
      <c r="F507" s="23" t="s">
        <v>2723</v>
      </c>
      <c r="G507"/>
      <c r="H507"/>
      <c r="I507"/>
      <c r="J507"/>
    </row>
    <row r="508" spans="1:10" x14ac:dyDescent="0.25">
      <c r="A508" s="7"/>
      <c r="B508" t="s">
        <v>541</v>
      </c>
      <c r="C508" s="23"/>
      <c r="D508" s="7" t="s">
        <v>5032</v>
      </c>
      <c r="E508" s="1"/>
      <c r="F508" s="23" t="s">
        <v>2724</v>
      </c>
      <c r="G508"/>
      <c r="H508"/>
      <c r="I508"/>
      <c r="J508"/>
    </row>
    <row r="509" spans="1:10" x14ac:dyDescent="0.25">
      <c r="A509" s="7"/>
      <c r="B509"/>
      <c r="C509" s="23" t="s">
        <v>1067</v>
      </c>
      <c r="D509" s="23" t="s">
        <v>2241</v>
      </c>
      <c r="E509" s="1" t="str">
        <f t="shared" ref="E509:E512" si="96" xml:space="preserve"> HYPERLINK(CONCATENATE("http://www.sap.com/community/tag.html?id=",$F509))</f>
        <v>http://www.sap.com/community/tag.html?id=73555000100800000174</v>
      </c>
      <c r="F509" s="23" t="s">
        <v>2725</v>
      </c>
      <c r="G509"/>
      <c r="H509"/>
      <c r="I509"/>
      <c r="J509"/>
    </row>
    <row r="510" spans="1:10" x14ac:dyDescent="0.25">
      <c r="A510" s="7"/>
      <c r="B510" s="23"/>
      <c r="C510" t="s">
        <v>1609</v>
      </c>
      <c r="D510" s="23" t="s">
        <v>2241</v>
      </c>
      <c r="E510" s="1" t="str">
        <f t="shared" si="96"/>
        <v>http://www.sap.com/community/tag.html?id=67838200100800006143</v>
      </c>
      <c r="F510" s="23" t="s">
        <v>2726</v>
      </c>
      <c r="G510"/>
      <c r="H510"/>
      <c r="I510"/>
      <c r="J510"/>
    </row>
    <row r="511" spans="1:10" x14ac:dyDescent="0.25">
      <c r="A511" s="7"/>
      <c r="B511"/>
      <c r="C511" s="23" t="s">
        <v>529</v>
      </c>
      <c r="D511" s="23" t="s">
        <v>2241</v>
      </c>
      <c r="E511" s="1" t="str">
        <f t="shared" si="96"/>
        <v>http://www.sap.com/community/tag.html?id=67838200100800006227</v>
      </c>
      <c r="F511" s="23" t="s">
        <v>2727</v>
      </c>
      <c r="G511"/>
      <c r="H511"/>
      <c r="I511"/>
      <c r="J511"/>
    </row>
    <row r="512" spans="1:10" x14ac:dyDescent="0.25">
      <c r="A512" s="7"/>
      <c r="B512"/>
      <c r="C512" s="23" t="s">
        <v>1570</v>
      </c>
      <c r="D512" s="23" t="s">
        <v>2241</v>
      </c>
      <c r="E512" s="1" t="str">
        <f t="shared" si="96"/>
        <v>http://www.sap.com/community/tag.html?id=67837800100800006687</v>
      </c>
      <c r="F512" s="23" t="s">
        <v>2728</v>
      </c>
      <c r="G512"/>
      <c r="H512"/>
      <c r="I512"/>
      <c r="J512"/>
    </row>
    <row r="513" spans="1:10" x14ac:dyDescent="0.25">
      <c r="A513" s="7"/>
      <c r="B513" t="s">
        <v>343</v>
      </c>
      <c r="C513" s="23"/>
      <c r="D513" s="7" t="s">
        <v>5032</v>
      </c>
      <c r="E513" s="1"/>
      <c r="F513" s="23" t="s">
        <v>2729</v>
      </c>
      <c r="G513"/>
      <c r="H513"/>
      <c r="I513"/>
      <c r="J513"/>
    </row>
    <row r="514" spans="1:10" x14ac:dyDescent="0.25">
      <c r="A514" s="7"/>
      <c r="B514"/>
      <c r="C514" s="23" t="s">
        <v>343</v>
      </c>
      <c r="D514" s="23" t="s">
        <v>2241</v>
      </c>
      <c r="E514" s="1" t="str">
        <f t="shared" ref="E514:E517" si="97" xml:space="preserve"> HYPERLINK(CONCATENATE("http://www.sap.com/community/tag.html?id=",$F514))</f>
        <v>http://www.sap.com/community/tag.html?id=01200314690800002418</v>
      </c>
      <c r="F514" s="23" t="s">
        <v>2730</v>
      </c>
      <c r="G514"/>
      <c r="H514"/>
      <c r="I514"/>
      <c r="J514"/>
    </row>
    <row r="515" spans="1:10" x14ac:dyDescent="0.25">
      <c r="A515" s="7"/>
      <c r="B515" s="23"/>
      <c r="C515" t="s">
        <v>1789</v>
      </c>
      <c r="D515" s="23" t="s">
        <v>2241</v>
      </c>
      <c r="E515" s="1" t="str">
        <f t="shared" si="97"/>
        <v>http://www.sap.com/community/tag.html?id=67837800100800004277</v>
      </c>
      <c r="F515" s="23" t="s">
        <v>2731</v>
      </c>
      <c r="G515"/>
      <c r="H515"/>
      <c r="I515"/>
      <c r="J515"/>
    </row>
    <row r="516" spans="1:10" x14ac:dyDescent="0.25">
      <c r="A516" s="7"/>
      <c r="B516"/>
      <c r="C516" s="23" t="s">
        <v>1515</v>
      </c>
      <c r="D516" s="23" t="s">
        <v>2241</v>
      </c>
      <c r="E516" s="1" t="str">
        <f t="shared" si="97"/>
        <v>http://www.sap.com/community/tag.html?id=67837800100800004278</v>
      </c>
      <c r="F516" s="23" t="s">
        <v>2732</v>
      </c>
      <c r="G516"/>
      <c r="H516"/>
      <c r="I516"/>
      <c r="J516"/>
    </row>
    <row r="517" spans="1:10" x14ac:dyDescent="0.25">
      <c r="A517" s="7"/>
      <c r="B517"/>
      <c r="C517" s="23" t="s">
        <v>476</v>
      </c>
      <c r="D517" s="23" t="s">
        <v>2241</v>
      </c>
      <c r="E517" s="1" t="str">
        <f t="shared" si="97"/>
        <v>http://www.sap.com/community/tag.html?id=67837800100800004279</v>
      </c>
      <c r="F517" s="23" t="s">
        <v>2733</v>
      </c>
      <c r="G517"/>
      <c r="H517"/>
      <c r="I517"/>
      <c r="J517"/>
    </row>
    <row r="518" spans="1:10" s="18" customFormat="1" x14ac:dyDescent="0.25">
      <c r="A518" s="17"/>
      <c r="B518" s="23" t="s">
        <v>1142</v>
      </c>
      <c r="C518"/>
      <c r="D518" s="7" t="s">
        <v>5032</v>
      </c>
      <c r="E518" s="1"/>
      <c r="F518" s="23" t="s">
        <v>2734</v>
      </c>
      <c r="G518"/>
      <c r="H518"/>
      <c r="I518"/>
      <c r="J518"/>
    </row>
    <row r="519" spans="1:10" x14ac:dyDescent="0.25">
      <c r="A519" s="7"/>
      <c r="B519"/>
      <c r="C519" s="23" t="s">
        <v>244</v>
      </c>
      <c r="D519" s="23" t="s">
        <v>2241</v>
      </c>
      <c r="E519" s="1" t="str">
        <f t="shared" ref="E519:E520" si="98" xml:space="preserve"> HYPERLINK(CONCATENATE("http://www.sap.com/community/tag.html?id=",$F519))</f>
        <v>http://www.sap.com/community/tag.html?id=67837800100800006458</v>
      </c>
      <c r="F519" s="23" t="s">
        <v>2735</v>
      </c>
      <c r="G519"/>
      <c r="H519"/>
      <c r="I519"/>
      <c r="J519"/>
    </row>
    <row r="520" spans="1:10" x14ac:dyDescent="0.25">
      <c r="A520" s="7"/>
      <c r="B520" s="23"/>
      <c r="C520" t="s">
        <v>1524</v>
      </c>
      <c r="D520" s="23" t="s">
        <v>2241</v>
      </c>
      <c r="E520" s="1" t="str">
        <f t="shared" si="98"/>
        <v>http://www.sap.com/community/tag.html?id=67837800100800006457</v>
      </c>
      <c r="F520" s="23" t="s">
        <v>2736</v>
      </c>
      <c r="G520"/>
      <c r="H520"/>
      <c r="I520"/>
      <c r="J520"/>
    </row>
    <row r="521" spans="1:10" x14ac:dyDescent="0.25">
      <c r="A521" s="7"/>
      <c r="B521" t="s">
        <v>114</v>
      </c>
      <c r="C521" s="23"/>
      <c r="D521" s="7" t="s">
        <v>5032</v>
      </c>
      <c r="E521" s="1"/>
      <c r="F521" s="23" t="s">
        <v>2737</v>
      </c>
      <c r="G521"/>
      <c r="H521"/>
      <c r="I521"/>
      <c r="J521"/>
    </row>
    <row r="522" spans="1:10" x14ac:dyDescent="0.25">
      <c r="A522" s="7"/>
      <c r="B522"/>
      <c r="C522" s="23" t="s">
        <v>1303</v>
      </c>
      <c r="D522" s="23" t="s">
        <v>2241</v>
      </c>
      <c r="E522" s="1" t="str">
        <f t="shared" ref="E522" si="99" xml:space="preserve"> HYPERLINK(CONCATENATE("http://www.sap.com/community/tag.html?id=",$F522))</f>
        <v>http://www.sap.com/community/tag.html?id=73554900100800000392</v>
      </c>
      <c r="F522" s="23" t="s">
        <v>2738</v>
      </c>
      <c r="G522"/>
      <c r="H522"/>
      <c r="I522"/>
      <c r="J522"/>
    </row>
    <row r="523" spans="1:10" x14ac:dyDescent="0.25">
      <c r="A523" s="7"/>
      <c r="B523" t="s">
        <v>1269</v>
      </c>
      <c r="C523" s="23"/>
      <c r="D523" s="7" t="s">
        <v>5032</v>
      </c>
      <c r="E523" s="1"/>
      <c r="F523" s="23" t="s">
        <v>2739</v>
      </c>
      <c r="G523"/>
      <c r="H523"/>
      <c r="I523"/>
      <c r="J523"/>
    </row>
    <row r="524" spans="1:10" x14ac:dyDescent="0.25">
      <c r="A524" s="7"/>
      <c r="B524"/>
      <c r="C524" s="23" t="s">
        <v>1269</v>
      </c>
      <c r="D524" s="23" t="s">
        <v>2241</v>
      </c>
      <c r="E524" s="1" t="str">
        <f t="shared" ref="E524:E527" si="100" xml:space="preserve"> HYPERLINK(CONCATENATE("http://www.sap.com/community/tag.html?id=",$F524))</f>
        <v>http://www.sap.com/community/tag.html?id=67838200100800006658</v>
      </c>
      <c r="F524" s="23" t="s">
        <v>2740</v>
      </c>
      <c r="G524"/>
      <c r="H524"/>
      <c r="I524"/>
      <c r="J524"/>
    </row>
    <row r="525" spans="1:10" x14ac:dyDescent="0.25">
      <c r="A525" s="7"/>
      <c r="B525" s="23"/>
      <c r="C525" t="s">
        <v>459</v>
      </c>
      <c r="D525" s="23" t="s">
        <v>2241</v>
      </c>
      <c r="E525" s="1" t="str">
        <f t="shared" si="100"/>
        <v>http://www.sap.com/community/tag.html?id=67837800100800007364</v>
      </c>
      <c r="F525" s="23" t="s">
        <v>2741</v>
      </c>
      <c r="G525"/>
      <c r="H525"/>
      <c r="I525"/>
      <c r="J525"/>
    </row>
    <row r="526" spans="1:10" x14ac:dyDescent="0.25">
      <c r="A526" s="7"/>
      <c r="B526"/>
      <c r="C526" s="23" t="s">
        <v>800</v>
      </c>
      <c r="D526" s="23" t="s">
        <v>2241</v>
      </c>
      <c r="E526" s="1" t="str">
        <f t="shared" si="100"/>
        <v>http://www.sap.com/community/tag.html?id=67837800100800007362</v>
      </c>
      <c r="F526" s="23" t="s">
        <v>2742</v>
      </c>
      <c r="G526"/>
      <c r="H526"/>
      <c r="I526"/>
      <c r="J526"/>
    </row>
    <row r="527" spans="1:10" x14ac:dyDescent="0.25">
      <c r="A527" s="7"/>
      <c r="B527"/>
      <c r="C527" s="23" t="s">
        <v>993</v>
      </c>
      <c r="D527" s="23" t="s">
        <v>2241</v>
      </c>
      <c r="E527" s="1" t="str">
        <f t="shared" si="100"/>
        <v>http://www.sap.com/community/tag.html?id=73554900100800000242</v>
      </c>
      <c r="F527" s="23" t="s">
        <v>2743</v>
      </c>
      <c r="G527"/>
      <c r="H527"/>
      <c r="I527"/>
      <c r="J527"/>
    </row>
    <row r="528" spans="1:10" x14ac:dyDescent="0.25">
      <c r="A528" s="7"/>
      <c r="B528" t="s">
        <v>384</v>
      </c>
      <c r="C528" s="23"/>
      <c r="D528" s="7" t="s">
        <v>5032</v>
      </c>
      <c r="E528" s="1"/>
      <c r="F528" s="23" t="s">
        <v>2744</v>
      </c>
      <c r="G528"/>
      <c r="H528"/>
      <c r="I528"/>
      <c r="J528"/>
    </row>
    <row r="529" spans="1:10" x14ac:dyDescent="0.25">
      <c r="A529" s="7"/>
      <c r="B529"/>
      <c r="C529" s="23" t="s">
        <v>340</v>
      </c>
      <c r="D529" s="23" t="s">
        <v>2241</v>
      </c>
      <c r="E529" s="1" t="str">
        <f t="shared" ref="E529:E541" si="101" xml:space="preserve"> HYPERLINK(CONCATENATE("http://www.sap.com/community/tag.html?id=",$F529))</f>
        <v>http://www.sap.com/community/tag.html?id=73555000100800000192</v>
      </c>
      <c r="F529" s="23" t="s">
        <v>2745</v>
      </c>
      <c r="G529"/>
      <c r="H529"/>
      <c r="I529"/>
      <c r="J529"/>
    </row>
    <row r="530" spans="1:10" x14ac:dyDescent="0.25">
      <c r="A530" s="7"/>
      <c r="B530"/>
      <c r="C530" s="23" t="s">
        <v>1352</v>
      </c>
      <c r="D530" s="23" t="s">
        <v>2241</v>
      </c>
      <c r="E530" s="1" t="str">
        <f t="shared" si="101"/>
        <v>http://www.sap.com/community/tag.html?id=73555000100800000205</v>
      </c>
      <c r="F530" s="23" t="s">
        <v>2746</v>
      </c>
      <c r="G530"/>
      <c r="H530"/>
      <c r="I530"/>
      <c r="J530"/>
    </row>
    <row r="531" spans="1:10" x14ac:dyDescent="0.25">
      <c r="A531" s="7"/>
      <c r="B531"/>
      <c r="C531" s="23" t="s">
        <v>2030</v>
      </c>
      <c r="D531" s="23" t="s">
        <v>2241</v>
      </c>
      <c r="E531" s="1" t="str">
        <f t="shared" si="101"/>
        <v>http://www.sap.com/community/tag.html?id=73555000100800000206</v>
      </c>
      <c r="F531" s="23" t="s">
        <v>2747</v>
      </c>
      <c r="G531"/>
      <c r="H531"/>
      <c r="I531"/>
      <c r="J531"/>
    </row>
    <row r="532" spans="1:10" x14ac:dyDescent="0.25">
      <c r="A532" s="7"/>
      <c r="B532"/>
      <c r="C532" s="23" t="s">
        <v>384</v>
      </c>
      <c r="D532" s="23" t="s">
        <v>2241</v>
      </c>
      <c r="E532" s="1" t="str">
        <f t="shared" si="101"/>
        <v>http://www.sap.com/community/tag.html?id=01200615320800003136</v>
      </c>
      <c r="F532" s="23" t="s">
        <v>2748</v>
      </c>
      <c r="G532"/>
      <c r="H532"/>
      <c r="I532"/>
      <c r="J532"/>
    </row>
    <row r="533" spans="1:10" x14ac:dyDescent="0.25">
      <c r="A533" s="7"/>
      <c r="B533"/>
      <c r="C533" s="23" t="s">
        <v>1261</v>
      </c>
      <c r="D533" s="23" t="s">
        <v>2241</v>
      </c>
      <c r="E533" s="1" t="str">
        <f t="shared" si="101"/>
        <v>http://www.sap.com/community/tag.html?id=01200615320800003322</v>
      </c>
      <c r="F533" s="23" t="s">
        <v>2749</v>
      </c>
      <c r="G533"/>
      <c r="H533"/>
      <c r="I533"/>
      <c r="J533"/>
    </row>
    <row r="534" spans="1:10" x14ac:dyDescent="0.25">
      <c r="A534" s="7"/>
      <c r="B534"/>
      <c r="C534" s="23" t="s">
        <v>1747</v>
      </c>
      <c r="D534" s="23" t="s">
        <v>2241</v>
      </c>
      <c r="E534" s="1" t="str">
        <f t="shared" si="101"/>
        <v>http://www.sap.com/community/tag.html?id=73555000100800000252</v>
      </c>
      <c r="F534" s="23" t="s">
        <v>2750</v>
      </c>
      <c r="G534"/>
      <c r="H534"/>
      <c r="I534"/>
      <c r="J534"/>
    </row>
    <row r="535" spans="1:10" x14ac:dyDescent="0.25">
      <c r="A535" s="7"/>
      <c r="B535"/>
      <c r="C535" s="23" t="s">
        <v>1397</v>
      </c>
      <c r="D535" s="23" t="s">
        <v>2241</v>
      </c>
      <c r="E535" s="1" t="str">
        <f t="shared" si="101"/>
        <v>http://www.sap.com/community/tag.html?id=67837800100800007129</v>
      </c>
      <c r="F535" s="23" t="s">
        <v>2751</v>
      </c>
      <c r="G535"/>
      <c r="H535"/>
      <c r="I535"/>
      <c r="J535"/>
    </row>
    <row r="536" spans="1:10" x14ac:dyDescent="0.25">
      <c r="A536" s="7"/>
      <c r="B536"/>
      <c r="C536" s="23" t="s">
        <v>1612</v>
      </c>
      <c r="D536" s="23" t="s">
        <v>2241</v>
      </c>
      <c r="E536" s="1" t="str">
        <f t="shared" si="101"/>
        <v>http://www.sap.com/community/tag.html?id=01200314690800002079</v>
      </c>
      <c r="F536" s="23" t="s">
        <v>2752</v>
      </c>
      <c r="G536"/>
      <c r="H536"/>
      <c r="I536"/>
      <c r="J536"/>
    </row>
    <row r="537" spans="1:10" x14ac:dyDescent="0.25">
      <c r="A537" s="7"/>
      <c r="B537"/>
      <c r="C537" s="23" t="s">
        <v>2010</v>
      </c>
      <c r="D537" s="23" t="s">
        <v>2241</v>
      </c>
      <c r="E537" s="1" t="str">
        <f t="shared" si="101"/>
        <v>http://www.sap.com/community/tag.html?id=73554900100800000333</v>
      </c>
      <c r="F537" s="23" t="s">
        <v>2753</v>
      </c>
      <c r="G537"/>
      <c r="H537"/>
      <c r="I537"/>
      <c r="J537"/>
    </row>
    <row r="538" spans="1:10" x14ac:dyDescent="0.25">
      <c r="A538" s="7"/>
      <c r="B538"/>
      <c r="C538" s="23" t="s">
        <v>591</v>
      </c>
      <c r="D538" s="23" t="s">
        <v>2241</v>
      </c>
      <c r="E538" s="1" t="str">
        <f t="shared" si="101"/>
        <v>http://www.sap.com/community/tag.html?id=73554900100800000383</v>
      </c>
      <c r="F538" s="23" t="s">
        <v>2754</v>
      </c>
      <c r="G538"/>
      <c r="H538"/>
      <c r="I538"/>
      <c r="J538"/>
    </row>
    <row r="539" spans="1:10" x14ac:dyDescent="0.25">
      <c r="A539" s="7"/>
      <c r="B539" s="23"/>
      <c r="C539" t="s">
        <v>43</v>
      </c>
      <c r="D539" s="23" t="s">
        <v>2241</v>
      </c>
      <c r="E539" s="1" t="str">
        <f t="shared" si="101"/>
        <v>http://www.sap.com/community/tag.html?id=01200615320800003321</v>
      </c>
      <c r="F539" s="23" t="s">
        <v>2755</v>
      </c>
      <c r="G539"/>
      <c r="H539"/>
      <c r="I539"/>
      <c r="J539"/>
    </row>
    <row r="540" spans="1:10" x14ac:dyDescent="0.25">
      <c r="A540" s="7"/>
      <c r="B540"/>
      <c r="C540" s="23" t="s">
        <v>2138</v>
      </c>
      <c r="D540" s="23" t="s">
        <v>2241</v>
      </c>
      <c r="E540" s="1" t="str">
        <f t="shared" si="101"/>
        <v>http://www.sap.com/community/tag.html?id=73555000100800000087</v>
      </c>
      <c r="F540" s="23" t="s">
        <v>2756</v>
      </c>
      <c r="G540"/>
      <c r="H540"/>
      <c r="I540"/>
      <c r="J540"/>
    </row>
    <row r="541" spans="1:10" x14ac:dyDescent="0.25">
      <c r="A541" s="7"/>
      <c r="B541"/>
      <c r="C541" s="23" t="s">
        <v>775</v>
      </c>
      <c r="D541" s="23" t="s">
        <v>2241</v>
      </c>
      <c r="E541" s="1" t="str">
        <f t="shared" si="101"/>
        <v>http://www.sap.com/community/tag.html?id=73554900100800000401</v>
      </c>
      <c r="F541" s="23" t="s">
        <v>2757</v>
      </c>
      <c r="G541"/>
      <c r="H541"/>
      <c r="I541"/>
      <c r="J541"/>
    </row>
    <row r="542" spans="1:10" x14ac:dyDescent="0.25">
      <c r="A542" s="7"/>
      <c r="B542" t="s">
        <v>1637</v>
      </c>
      <c r="C542" s="23"/>
      <c r="D542" s="7" t="s">
        <v>5032</v>
      </c>
      <c r="E542" s="1"/>
      <c r="F542" s="23" t="s">
        <v>2758</v>
      </c>
      <c r="G542"/>
      <c r="H542"/>
      <c r="I542"/>
      <c r="J542"/>
    </row>
    <row r="543" spans="1:10" x14ac:dyDescent="0.25">
      <c r="A543" s="7"/>
      <c r="B543"/>
      <c r="C543" s="23" t="s">
        <v>1637</v>
      </c>
      <c r="D543" s="23" t="s">
        <v>2241</v>
      </c>
      <c r="E543" s="1" t="str">
        <f t="shared" ref="E543:E550" si="102" xml:space="preserve"> HYPERLINK(CONCATENATE("http://www.sap.com/community/tag.html?id=",$F543))</f>
        <v>http://www.sap.com/community/tag.html?id=67837800100800007216</v>
      </c>
      <c r="F543" s="23" t="s">
        <v>2759</v>
      </c>
      <c r="G543"/>
      <c r="H543"/>
      <c r="I543"/>
      <c r="J543"/>
    </row>
    <row r="544" spans="1:10" x14ac:dyDescent="0.25">
      <c r="A544" s="7"/>
      <c r="B544"/>
      <c r="C544" s="23" t="s">
        <v>817</v>
      </c>
      <c r="D544" s="23" t="s">
        <v>2241</v>
      </c>
      <c r="E544" s="1" t="str">
        <f t="shared" si="102"/>
        <v>http://www.sap.com/community/tag.html?id=73555000100800000295</v>
      </c>
      <c r="F544" s="23" t="s">
        <v>2760</v>
      </c>
      <c r="G544"/>
      <c r="H544"/>
      <c r="I544"/>
      <c r="J544"/>
    </row>
    <row r="545" spans="1:10" x14ac:dyDescent="0.25">
      <c r="A545" s="7"/>
      <c r="B545"/>
      <c r="C545" s="23" t="s">
        <v>923</v>
      </c>
      <c r="D545" s="23" t="s">
        <v>2241</v>
      </c>
      <c r="E545" s="1" t="str">
        <f t="shared" si="102"/>
        <v>http://www.sap.com/community/tag.html?id=73554900100800000416</v>
      </c>
      <c r="F545" s="23" t="s">
        <v>2761</v>
      </c>
      <c r="G545"/>
      <c r="H545"/>
      <c r="I545"/>
      <c r="J545"/>
    </row>
    <row r="546" spans="1:10" x14ac:dyDescent="0.25">
      <c r="A546" s="7"/>
      <c r="B546"/>
      <c r="C546" s="23" t="s">
        <v>912</v>
      </c>
      <c r="D546" s="23" t="s">
        <v>2241</v>
      </c>
      <c r="E546" s="1" t="str">
        <f t="shared" si="102"/>
        <v>http://www.sap.com/community/tag.html?id=73554900100800000363</v>
      </c>
      <c r="F546" s="23" t="s">
        <v>2762</v>
      </c>
      <c r="G546"/>
      <c r="H546"/>
      <c r="I546"/>
      <c r="J546"/>
    </row>
    <row r="547" spans="1:10" x14ac:dyDescent="0.25">
      <c r="A547" s="7"/>
      <c r="B547"/>
      <c r="C547" s="23" t="s">
        <v>414</v>
      </c>
      <c r="D547" s="23" t="s">
        <v>2241</v>
      </c>
      <c r="E547" s="1" t="str">
        <f t="shared" si="102"/>
        <v>http://www.sap.com/community/tag.html?id=73554900100800000365</v>
      </c>
      <c r="F547" s="23" t="s">
        <v>2763</v>
      </c>
      <c r="G547"/>
      <c r="H547"/>
      <c r="I547"/>
      <c r="J547"/>
    </row>
    <row r="548" spans="1:10" x14ac:dyDescent="0.25">
      <c r="A548" s="7"/>
      <c r="B548" s="23"/>
      <c r="C548" t="s">
        <v>5377</v>
      </c>
      <c r="D548" s="23" t="s">
        <v>2241</v>
      </c>
      <c r="E548" s="1" t="str">
        <f t="shared" si="102"/>
        <v>http://www.sap.com/community/tag.html?id=73555000100800000686</v>
      </c>
      <c r="F548" s="23" t="s">
        <v>5342</v>
      </c>
      <c r="G548"/>
      <c r="H548"/>
      <c r="I548"/>
      <c r="J548"/>
    </row>
    <row r="549" spans="1:10" x14ac:dyDescent="0.25">
      <c r="A549" s="7"/>
      <c r="B549"/>
      <c r="C549" s="23" t="s">
        <v>1254</v>
      </c>
      <c r="D549" s="23" t="s">
        <v>2241</v>
      </c>
      <c r="E549" s="1" t="str">
        <f t="shared" si="102"/>
        <v>http://www.sap.com/community/tag.html?id=73554900100800000531</v>
      </c>
      <c r="F549" s="23" t="s">
        <v>2764</v>
      </c>
      <c r="G549"/>
      <c r="H549"/>
      <c r="I549"/>
      <c r="J549"/>
    </row>
    <row r="550" spans="1:10" x14ac:dyDescent="0.25">
      <c r="A550" s="7"/>
      <c r="B550" s="23"/>
      <c r="C550" t="s">
        <v>5050</v>
      </c>
      <c r="D550" s="23" t="s">
        <v>2241</v>
      </c>
      <c r="E550" s="1" t="str">
        <f t="shared" si="102"/>
        <v>http://www.sap.com/community/tag.html?id=73554900100800000796</v>
      </c>
      <c r="F550" s="23" t="s">
        <v>5095</v>
      </c>
      <c r="G550"/>
      <c r="H550"/>
      <c r="I550"/>
      <c r="J550"/>
    </row>
    <row r="551" spans="1:10" x14ac:dyDescent="0.25">
      <c r="A551" s="7"/>
      <c r="B551" t="s">
        <v>956</v>
      </c>
      <c r="C551" s="23"/>
      <c r="D551" s="7" t="s">
        <v>5032</v>
      </c>
      <c r="E551" s="1"/>
      <c r="F551" s="23" t="s">
        <v>2765</v>
      </c>
      <c r="G551"/>
      <c r="H551"/>
      <c r="I551"/>
      <c r="J551"/>
    </row>
    <row r="552" spans="1:10" x14ac:dyDescent="0.25">
      <c r="A552" s="7"/>
      <c r="B552" s="23"/>
      <c r="C552" t="s">
        <v>399</v>
      </c>
      <c r="D552" s="23" t="s">
        <v>2241</v>
      </c>
      <c r="E552" s="1" t="str">
        <f t="shared" ref="E552" si="103" xml:space="preserve"> HYPERLINK(CONCATENATE("http://www.sap.com/community/tag.html?id=",$F552))</f>
        <v>http://www.sap.com/community/tag.html?id=67837800100800005997</v>
      </c>
      <c r="F552" s="23" t="s">
        <v>2766</v>
      </c>
      <c r="G552"/>
      <c r="H552"/>
      <c r="I552"/>
      <c r="J552"/>
    </row>
    <row r="553" spans="1:10" x14ac:dyDescent="0.25">
      <c r="A553" s="7"/>
      <c r="B553" t="s">
        <v>2226</v>
      </c>
      <c r="C553" s="23"/>
      <c r="D553" s="7" t="s">
        <v>5032</v>
      </c>
      <c r="E553" s="1"/>
      <c r="F553" s="23" t="s">
        <v>2767</v>
      </c>
      <c r="G553"/>
      <c r="H553"/>
      <c r="I553"/>
      <c r="J553"/>
    </row>
    <row r="554" spans="1:10" x14ac:dyDescent="0.25">
      <c r="A554" s="7"/>
      <c r="B554"/>
      <c r="C554" s="23" t="s">
        <v>2226</v>
      </c>
      <c r="D554" s="23" t="s">
        <v>2241</v>
      </c>
      <c r="E554" s="1" t="str">
        <f t="shared" ref="E554" si="104" xml:space="preserve"> HYPERLINK(CONCATENATE("http://www.sap.com/community/tag.html?id=",$F554))</f>
        <v>http://www.sap.com/community/tag.html?id=67837800100800007293</v>
      </c>
      <c r="F554" s="23" t="s">
        <v>2768</v>
      </c>
      <c r="G554"/>
      <c r="H554"/>
      <c r="I554"/>
      <c r="J554"/>
    </row>
    <row r="555" spans="1:10" x14ac:dyDescent="0.25">
      <c r="A555" s="7"/>
      <c r="B555" s="23" t="s">
        <v>724</v>
      </c>
      <c r="C555"/>
      <c r="D555" s="7" t="s">
        <v>5032</v>
      </c>
      <c r="E555" s="1"/>
      <c r="F555" s="23" t="s">
        <v>2769</v>
      </c>
      <c r="G555"/>
      <c r="H555"/>
      <c r="I555"/>
      <c r="J555"/>
    </row>
    <row r="556" spans="1:10" x14ac:dyDescent="0.25">
      <c r="A556" s="7"/>
      <c r="B556"/>
      <c r="C556" s="23" t="s">
        <v>724</v>
      </c>
      <c r="D556" s="23" t="s">
        <v>2241</v>
      </c>
      <c r="E556" s="1" t="str">
        <f t="shared" ref="E556:E557" si="105" xml:space="preserve"> HYPERLINK(CONCATENATE("http://www.sap.com/community/tag.html?id=",$F556))</f>
        <v>http://www.sap.com/community/tag.html?id=01200615320800003850</v>
      </c>
      <c r="F556" s="23" t="s">
        <v>2770</v>
      </c>
      <c r="G556"/>
      <c r="H556"/>
      <c r="I556"/>
      <c r="J556"/>
    </row>
    <row r="557" spans="1:10" x14ac:dyDescent="0.25">
      <c r="A557" s="7"/>
      <c r="B557" s="23"/>
      <c r="C557" t="s">
        <v>1331</v>
      </c>
      <c r="D557" s="23" t="s">
        <v>2241</v>
      </c>
      <c r="E557" s="1" t="str">
        <f t="shared" si="105"/>
        <v>http://www.sap.com/community/tag.html?id=73554900100800000281</v>
      </c>
      <c r="F557" s="23" t="s">
        <v>2771</v>
      </c>
      <c r="G557"/>
      <c r="H557"/>
      <c r="I557"/>
      <c r="J557"/>
    </row>
    <row r="558" spans="1:10" x14ac:dyDescent="0.25">
      <c r="A558" s="7"/>
      <c r="B558" t="s">
        <v>592</v>
      </c>
      <c r="C558" s="23"/>
      <c r="D558" s="7" t="s">
        <v>5032</v>
      </c>
      <c r="E558" s="1"/>
      <c r="F558" s="23" t="s">
        <v>2772</v>
      </c>
      <c r="G558"/>
      <c r="H558"/>
      <c r="I558"/>
      <c r="J558"/>
    </row>
    <row r="559" spans="1:10" x14ac:dyDescent="0.25">
      <c r="A559" s="7"/>
      <c r="B559" s="23"/>
      <c r="C559" t="s">
        <v>592</v>
      </c>
      <c r="D559" s="23" t="s">
        <v>2241</v>
      </c>
      <c r="E559" s="1" t="str">
        <f t="shared" ref="E559" si="106" xml:space="preserve"> HYPERLINK(CONCATENATE("http://www.sap.com/community/tag.html?id=",$F559))</f>
        <v>http://www.sap.com/community/tag.html?id=73554900100800000414</v>
      </c>
      <c r="F559" s="23" t="s">
        <v>2773</v>
      </c>
      <c r="G559"/>
      <c r="H559"/>
      <c r="I559"/>
      <c r="J559"/>
    </row>
    <row r="560" spans="1:10" x14ac:dyDescent="0.25">
      <c r="A560" s="7"/>
      <c r="B560" t="s">
        <v>395</v>
      </c>
      <c r="C560" s="23"/>
      <c r="D560" s="7" t="s">
        <v>5032</v>
      </c>
      <c r="E560" s="1"/>
      <c r="F560" s="23" t="s">
        <v>2774</v>
      </c>
      <c r="G560"/>
      <c r="H560"/>
      <c r="I560"/>
      <c r="J560"/>
    </row>
    <row r="561" spans="1:10" x14ac:dyDescent="0.25">
      <c r="A561" s="7"/>
      <c r="B561" s="23"/>
      <c r="C561" t="s">
        <v>395</v>
      </c>
      <c r="D561" s="23" t="s">
        <v>2241</v>
      </c>
      <c r="E561" s="1" t="str">
        <f t="shared" ref="E561" si="107" xml:space="preserve"> HYPERLINK(CONCATENATE("http://www.sap.com/community/tag.html?id=",$F561))</f>
        <v>http://www.sap.com/community/tag.html?id=01200314690800000206</v>
      </c>
      <c r="F561" s="23" t="s">
        <v>2775</v>
      </c>
      <c r="G561"/>
      <c r="H561"/>
      <c r="I561"/>
      <c r="J561"/>
    </row>
    <row r="562" spans="1:10" x14ac:dyDescent="0.25">
      <c r="A562" s="7"/>
      <c r="B562" t="s">
        <v>124</v>
      </c>
      <c r="C562" s="23"/>
      <c r="D562" s="7" t="s">
        <v>5032</v>
      </c>
      <c r="E562" s="1"/>
      <c r="F562" s="23" t="s">
        <v>2776</v>
      </c>
      <c r="G562"/>
      <c r="H562"/>
      <c r="I562"/>
      <c r="J562"/>
    </row>
    <row r="563" spans="1:10" x14ac:dyDescent="0.25">
      <c r="A563" s="7"/>
      <c r="B563"/>
      <c r="C563" s="23" t="s">
        <v>124</v>
      </c>
      <c r="D563" s="23" t="s">
        <v>2241</v>
      </c>
      <c r="E563" s="1" t="str">
        <f t="shared" ref="E563" si="108" xml:space="preserve"> HYPERLINK(CONCATENATE("http://www.sap.com/community/tag.html?id=",$F563))</f>
        <v>http://www.sap.com/community/tag.html?id=01200615320800001446</v>
      </c>
      <c r="F563" s="23" t="s">
        <v>2777</v>
      </c>
      <c r="G563"/>
      <c r="H563"/>
      <c r="I563"/>
      <c r="J563"/>
    </row>
    <row r="564" spans="1:10" x14ac:dyDescent="0.25">
      <c r="A564" s="7"/>
      <c r="B564" t="s">
        <v>1905</v>
      </c>
      <c r="C564" s="23"/>
      <c r="D564" s="7" t="s">
        <v>5032</v>
      </c>
      <c r="E564" s="1"/>
      <c r="F564" s="23" t="s">
        <v>2778</v>
      </c>
      <c r="G564"/>
      <c r="H564"/>
      <c r="I564"/>
      <c r="J564"/>
    </row>
    <row r="565" spans="1:10" x14ac:dyDescent="0.25">
      <c r="A565" s="7"/>
      <c r="B565" s="23"/>
      <c r="C565" t="s">
        <v>1375</v>
      </c>
      <c r="D565" s="23" t="s">
        <v>2241</v>
      </c>
      <c r="E565" s="1" t="str">
        <f t="shared" ref="E565:E567" si="109" xml:space="preserve"> HYPERLINK(CONCATENATE("http://www.sap.com/community/tag.html?id=",$F565))</f>
        <v>http://www.sap.com/community/tag.html?id=01200615320800000629</v>
      </c>
      <c r="F565" s="23" t="s">
        <v>2779</v>
      </c>
      <c r="G565"/>
      <c r="H565"/>
      <c r="I565"/>
      <c r="J565"/>
    </row>
    <row r="566" spans="1:10" x14ac:dyDescent="0.25">
      <c r="A566" s="7"/>
      <c r="B566"/>
      <c r="C566" s="23" t="s">
        <v>617</v>
      </c>
      <c r="D566" s="23" t="s">
        <v>2241</v>
      </c>
      <c r="E566" s="1" t="str">
        <f t="shared" si="109"/>
        <v>http://www.sap.com/community/tag.html?id=01200314690800000139</v>
      </c>
      <c r="F566" s="23" t="s">
        <v>2780</v>
      </c>
      <c r="G566"/>
      <c r="H566"/>
      <c r="I566"/>
      <c r="J566"/>
    </row>
    <row r="567" spans="1:10" x14ac:dyDescent="0.25">
      <c r="A567" s="7"/>
      <c r="B567" s="23"/>
      <c r="C567" t="s">
        <v>1653</v>
      </c>
      <c r="D567" s="23" t="s">
        <v>2241</v>
      </c>
      <c r="E567" s="1" t="str">
        <f t="shared" si="109"/>
        <v>http://www.sap.com/community/tag.html?id=01200615320800000660</v>
      </c>
      <c r="F567" s="23" t="s">
        <v>2781</v>
      </c>
      <c r="G567"/>
      <c r="H567"/>
      <c r="I567"/>
      <c r="J567"/>
    </row>
    <row r="568" spans="1:10" x14ac:dyDescent="0.25">
      <c r="A568" s="7"/>
      <c r="B568" t="s">
        <v>891</v>
      </c>
      <c r="C568" s="23"/>
      <c r="D568" s="7" t="s">
        <v>5032</v>
      </c>
      <c r="E568" s="1"/>
      <c r="F568" s="23" t="s">
        <v>2782</v>
      </c>
      <c r="G568"/>
      <c r="H568"/>
      <c r="I568"/>
      <c r="J568"/>
    </row>
    <row r="569" spans="1:10" x14ac:dyDescent="0.25">
      <c r="A569" s="7"/>
      <c r="B569" s="23"/>
      <c r="C569" t="s">
        <v>891</v>
      </c>
      <c r="D569" s="23" t="s">
        <v>2241</v>
      </c>
      <c r="E569" s="1" t="str">
        <f t="shared" ref="E569" si="110" xml:space="preserve"> HYPERLINK(CONCATENATE("http://www.sap.com/community/tag.html?id=",$F569))</f>
        <v>http://www.sap.com/community/tag.html?id=67838200100800006239</v>
      </c>
      <c r="F569" s="23" t="s">
        <v>2783</v>
      </c>
      <c r="G569"/>
      <c r="H569"/>
      <c r="I569"/>
      <c r="J569"/>
    </row>
    <row r="570" spans="1:10" x14ac:dyDescent="0.25">
      <c r="A570" s="7"/>
      <c r="B570" t="s">
        <v>179</v>
      </c>
      <c r="C570" s="23"/>
      <c r="D570" s="7" t="s">
        <v>5032</v>
      </c>
      <c r="E570" s="1"/>
      <c r="F570" s="23" t="s">
        <v>2784</v>
      </c>
      <c r="G570"/>
      <c r="H570"/>
      <c r="I570"/>
      <c r="J570"/>
    </row>
    <row r="571" spans="1:10" x14ac:dyDescent="0.25">
      <c r="A571" s="7"/>
      <c r="B571"/>
      <c r="C571" s="23" t="s">
        <v>179</v>
      </c>
      <c r="D571" s="23" t="s">
        <v>2241</v>
      </c>
      <c r="E571" s="1" t="str">
        <f t="shared" ref="E571" si="111" xml:space="preserve"> HYPERLINK(CONCATENATE("http://www.sap.com/community/tag.html?id=",$F571))</f>
        <v>http://www.sap.com/community/tag.html?id=01200615320800002550</v>
      </c>
      <c r="F571" s="23" t="s">
        <v>2785</v>
      </c>
      <c r="G571"/>
      <c r="H571"/>
      <c r="I571"/>
      <c r="J571"/>
    </row>
    <row r="572" spans="1:10" x14ac:dyDescent="0.25">
      <c r="A572" s="7"/>
      <c r="B572" t="s">
        <v>307</v>
      </c>
      <c r="C572" s="23"/>
      <c r="D572" s="7" t="s">
        <v>5032</v>
      </c>
      <c r="E572" s="1"/>
      <c r="F572" s="23" t="s">
        <v>2786</v>
      </c>
      <c r="G572"/>
      <c r="H572"/>
      <c r="I572"/>
      <c r="J572"/>
    </row>
    <row r="573" spans="1:10" x14ac:dyDescent="0.25">
      <c r="A573" s="7"/>
      <c r="B573"/>
      <c r="C573" s="23" t="s">
        <v>1901</v>
      </c>
      <c r="D573" s="23" t="s">
        <v>2241</v>
      </c>
      <c r="E573" s="1" t="str">
        <f t="shared" ref="E573:E578" si="112" xml:space="preserve"> HYPERLINK(CONCATENATE("http://www.sap.com/community/tag.html?id=",$F573))</f>
        <v>http://www.sap.com/community/tag.html?id=67838200100800005679</v>
      </c>
      <c r="F573" s="23" t="s">
        <v>2787</v>
      </c>
      <c r="G573"/>
      <c r="H573"/>
      <c r="I573"/>
      <c r="J573"/>
    </row>
    <row r="574" spans="1:10" x14ac:dyDescent="0.25">
      <c r="A574" s="7"/>
      <c r="B574"/>
      <c r="C574" s="23" t="s">
        <v>1699</v>
      </c>
      <c r="D574" s="23" t="s">
        <v>2241</v>
      </c>
      <c r="E574" s="1" t="str">
        <f t="shared" si="112"/>
        <v>http://www.sap.com/community/tag.html?id=67838200100800004558</v>
      </c>
      <c r="F574" s="23" t="s">
        <v>2788</v>
      </c>
      <c r="G574"/>
      <c r="H574"/>
      <c r="I574"/>
      <c r="J574"/>
    </row>
    <row r="575" spans="1:10" x14ac:dyDescent="0.25">
      <c r="A575" s="7"/>
      <c r="B575"/>
      <c r="C575" s="23" t="s">
        <v>196</v>
      </c>
      <c r="D575" s="23" t="s">
        <v>2241</v>
      </c>
      <c r="E575" s="1" t="str">
        <f t="shared" si="112"/>
        <v>http://www.sap.com/community/tag.html?id=67838200100800004557</v>
      </c>
      <c r="F575" s="23" t="s">
        <v>2789</v>
      </c>
      <c r="G575"/>
      <c r="H575"/>
      <c r="I575"/>
      <c r="J575"/>
    </row>
    <row r="576" spans="1:10" x14ac:dyDescent="0.25">
      <c r="A576" s="7"/>
      <c r="B576" s="23"/>
      <c r="C576" t="s">
        <v>556</v>
      </c>
      <c r="D576" s="23" t="s">
        <v>2241</v>
      </c>
      <c r="E576" s="1" t="str">
        <f t="shared" si="112"/>
        <v>http://www.sap.com/community/tag.html?id=67838200100800005407</v>
      </c>
      <c r="F576" s="23" t="s">
        <v>2790</v>
      </c>
      <c r="G576"/>
      <c r="H576"/>
      <c r="I576"/>
      <c r="J576"/>
    </row>
    <row r="577" spans="1:10" x14ac:dyDescent="0.25">
      <c r="A577" s="7"/>
      <c r="B577"/>
      <c r="C577" s="23" t="s">
        <v>807</v>
      </c>
      <c r="D577" s="23" t="s">
        <v>2241</v>
      </c>
      <c r="E577" s="1" t="str">
        <f t="shared" si="112"/>
        <v>http://www.sap.com/community/tag.html?id=67838200100800005754</v>
      </c>
      <c r="F577" s="23" t="s">
        <v>2791</v>
      </c>
      <c r="G577"/>
      <c r="H577"/>
      <c r="I577"/>
      <c r="J577"/>
    </row>
    <row r="578" spans="1:10" x14ac:dyDescent="0.25">
      <c r="A578" s="7"/>
      <c r="B578"/>
      <c r="C578" s="23" t="s">
        <v>1475</v>
      </c>
      <c r="D578" s="23" t="s">
        <v>2241</v>
      </c>
      <c r="E578" s="1" t="str">
        <f t="shared" si="112"/>
        <v>http://www.sap.com/community/tag.html?id=73555000100800000094</v>
      </c>
      <c r="F578" s="23" t="s">
        <v>2792</v>
      </c>
      <c r="G578"/>
      <c r="H578"/>
      <c r="I578"/>
      <c r="J578"/>
    </row>
    <row r="579" spans="1:10" x14ac:dyDescent="0.25">
      <c r="A579" s="7"/>
      <c r="B579" t="s">
        <v>2083</v>
      </c>
      <c r="C579" s="23"/>
      <c r="D579" s="7" t="s">
        <v>5032</v>
      </c>
      <c r="E579" s="1"/>
      <c r="F579" s="23" t="s">
        <v>2793</v>
      </c>
      <c r="G579"/>
      <c r="H579"/>
      <c r="I579"/>
      <c r="J579"/>
    </row>
    <row r="580" spans="1:10" x14ac:dyDescent="0.25">
      <c r="A580" s="7"/>
      <c r="B580"/>
      <c r="C580" s="23" t="s">
        <v>2083</v>
      </c>
      <c r="D580" s="23" t="s">
        <v>2241</v>
      </c>
      <c r="E580" s="1" t="str">
        <f t="shared" ref="E580:E583" si="113" xml:space="preserve"> HYPERLINK(CONCATENATE("http://www.sap.com/community/tag.html?id=",$F580))</f>
        <v>http://www.sap.com/community/tag.html?id=01200615320800000112</v>
      </c>
      <c r="F580" s="23" t="s">
        <v>2794</v>
      </c>
      <c r="G580"/>
      <c r="H580"/>
      <c r="I580"/>
      <c r="J580"/>
    </row>
    <row r="581" spans="1:10" x14ac:dyDescent="0.25">
      <c r="A581" s="7"/>
      <c r="B581" s="23"/>
      <c r="C581" t="s">
        <v>1606</v>
      </c>
      <c r="D581" s="23" t="s">
        <v>2241</v>
      </c>
      <c r="E581" s="1" t="str">
        <f t="shared" si="113"/>
        <v>http://www.sap.com/community/tag.html?id=67838200100800006087</v>
      </c>
      <c r="F581" s="23" t="s">
        <v>2795</v>
      </c>
      <c r="G581"/>
      <c r="H581"/>
      <c r="I581"/>
      <c r="J581"/>
    </row>
    <row r="582" spans="1:10" x14ac:dyDescent="0.25">
      <c r="A582" s="7"/>
      <c r="B582"/>
      <c r="C582" s="23" t="s">
        <v>231</v>
      </c>
      <c r="D582" s="23" t="s">
        <v>2241</v>
      </c>
      <c r="E582" s="1" t="str">
        <f t="shared" si="113"/>
        <v>http://www.sap.com/community/tag.html?id=01200615320800003256</v>
      </c>
      <c r="F582" s="23" t="s">
        <v>2796</v>
      </c>
      <c r="G582"/>
      <c r="H582"/>
      <c r="I582"/>
      <c r="J582"/>
    </row>
    <row r="583" spans="1:10" x14ac:dyDescent="0.25">
      <c r="A583" s="7"/>
      <c r="B583"/>
      <c r="C583" s="23" t="s">
        <v>869</v>
      </c>
      <c r="D583" s="23" t="s">
        <v>2241</v>
      </c>
      <c r="E583" s="1" t="str">
        <f t="shared" si="113"/>
        <v>http://www.sap.com/community/tag.html?id=67838200100800005297</v>
      </c>
      <c r="F583" s="23" t="s">
        <v>2797</v>
      </c>
      <c r="G583"/>
      <c r="H583"/>
      <c r="I583"/>
      <c r="J583"/>
    </row>
    <row r="584" spans="1:10" x14ac:dyDescent="0.25">
      <c r="A584" s="7"/>
      <c r="B584" t="s">
        <v>94</v>
      </c>
      <c r="C584" s="23"/>
      <c r="D584" s="7" t="s">
        <v>5032</v>
      </c>
      <c r="E584" s="1"/>
      <c r="F584" s="23" t="s">
        <v>2798</v>
      </c>
      <c r="G584"/>
      <c r="H584"/>
      <c r="I584"/>
      <c r="J584"/>
    </row>
    <row r="585" spans="1:10" x14ac:dyDescent="0.25">
      <c r="A585" s="7"/>
      <c r="B585"/>
      <c r="C585" s="23" t="s">
        <v>94</v>
      </c>
      <c r="D585" s="23" t="s">
        <v>2241</v>
      </c>
      <c r="E585" s="1" t="str">
        <f t="shared" ref="E585:E589" si="114" xml:space="preserve"> HYPERLINK(CONCATENATE("http://www.sap.com/community/tag.html?id=",$F585))</f>
        <v>http://www.sap.com/community/tag.html?id=01200615320800000725</v>
      </c>
      <c r="F585" s="23" t="s">
        <v>2799</v>
      </c>
      <c r="G585"/>
      <c r="H585"/>
      <c r="I585"/>
      <c r="J585"/>
    </row>
    <row r="586" spans="1:10" x14ac:dyDescent="0.25">
      <c r="A586" s="7"/>
      <c r="B586"/>
      <c r="C586" s="23" t="s">
        <v>1695</v>
      </c>
      <c r="D586" s="23" t="s">
        <v>2241</v>
      </c>
      <c r="E586" s="1" t="str">
        <f t="shared" si="114"/>
        <v>http://www.sap.com/community/tag.html?id=01200615320800000733</v>
      </c>
      <c r="F586" s="23" t="s">
        <v>2800</v>
      </c>
      <c r="G586"/>
      <c r="H586"/>
      <c r="I586"/>
      <c r="J586"/>
    </row>
    <row r="587" spans="1:10" x14ac:dyDescent="0.25">
      <c r="A587" s="7"/>
      <c r="B587" s="23"/>
      <c r="C587" t="s">
        <v>442</v>
      </c>
      <c r="D587" s="23" t="s">
        <v>2241</v>
      </c>
      <c r="E587" s="1" t="str">
        <f t="shared" si="114"/>
        <v>http://www.sap.com/community/tag.html?id=01200314690800003099</v>
      </c>
      <c r="F587" s="23" t="s">
        <v>2801</v>
      </c>
      <c r="G587"/>
      <c r="H587"/>
      <c r="I587"/>
      <c r="J587"/>
    </row>
    <row r="588" spans="1:10" x14ac:dyDescent="0.25">
      <c r="A588" s="7"/>
      <c r="B588"/>
      <c r="C588" s="23" t="s">
        <v>184</v>
      </c>
      <c r="D588" s="23" t="s">
        <v>2241</v>
      </c>
      <c r="E588" s="1" t="str">
        <f t="shared" si="114"/>
        <v>http://www.sap.com/community/tag.html?id=01200615320800000701</v>
      </c>
      <c r="F588" s="23" t="s">
        <v>2802</v>
      </c>
      <c r="G588"/>
      <c r="H588"/>
      <c r="I588"/>
      <c r="J588"/>
    </row>
    <row r="589" spans="1:10" x14ac:dyDescent="0.25">
      <c r="A589" s="7"/>
      <c r="B589"/>
      <c r="C589" s="23" t="s">
        <v>1028</v>
      </c>
      <c r="D589" s="23" t="s">
        <v>2241</v>
      </c>
      <c r="E589" s="1" t="str">
        <f t="shared" si="114"/>
        <v>http://www.sap.com/community/tag.html?id=01200314690800000162</v>
      </c>
      <c r="F589" s="23" t="s">
        <v>2803</v>
      </c>
      <c r="G589"/>
      <c r="H589"/>
      <c r="I589"/>
      <c r="J589"/>
    </row>
    <row r="590" spans="1:10" x14ac:dyDescent="0.25">
      <c r="A590" s="7"/>
      <c r="B590" t="s">
        <v>2177</v>
      </c>
      <c r="C590" s="23"/>
      <c r="D590" s="7" t="s">
        <v>5032</v>
      </c>
      <c r="E590" s="1"/>
      <c r="F590" s="23" t="s">
        <v>2804</v>
      </c>
      <c r="G590"/>
      <c r="H590"/>
      <c r="I590"/>
      <c r="J590"/>
    </row>
    <row r="591" spans="1:10" x14ac:dyDescent="0.25">
      <c r="A591" s="7"/>
      <c r="B591"/>
      <c r="C591" s="23" t="s">
        <v>2177</v>
      </c>
      <c r="D591" s="23" t="s">
        <v>2241</v>
      </c>
      <c r="E591" s="1" t="str">
        <f t="shared" ref="E591:E594" si="115" xml:space="preserve"> HYPERLINK(CONCATENATE("http://www.sap.com/community/tag.html?id=",$F591))</f>
        <v>http://www.sap.com/community/tag.html?id=01200314690800000116</v>
      </c>
      <c r="F591" s="23" t="s">
        <v>2805</v>
      </c>
      <c r="G591"/>
      <c r="H591"/>
      <c r="I591"/>
      <c r="J591"/>
    </row>
    <row r="592" spans="1:10" x14ac:dyDescent="0.25">
      <c r="A592" s="7"/>
      <c r="B592" s="23"/>
      <c r="C592" t="s">
        <v>1902</v>
      </c>
      <c r="D592" s="23" t="s">
        <v>2241</v>
      </c>
      <c r="E592" s="1" t="str">
        <f t="shared" si="115"/>
        <v>http://www.sap.com/community/tag.html?id=01200615320800002076</v>
      </c>
      <c r="F592" s="23" t="s">
        <v>2806</v>
      </c>
      <c r="G592"/>
      <c r="H592"/>
      <c r="I592"/>
      <c r="J592"/>
    </row>
    <row r="593" spans="1:10" x14ac:dyDescent="0.25">
      <c r="A593" s="7"/>
      <c r="B593"/>
      <c r="C593" s="23" t="s">
        <v>1896</v>
      </c>
      <c r="D593" s="23" t="s">
        <v>2241</v>
      </c>
      <c r="E593" s="1" t="str">
        <f t="shared" si="115"/>
        <v>http://www.sap.com/community/tag.html?id=73555000100800000122</v>
      </c>
      <c r="F593" s="23" t="s">
        <v>2807</v>
      </c>
      <c r="G593"/>
      <c r="H593"/>
      <c r="I593"/>
      <c r="J593"/>
    </row>
    <row r="594" spans="1:10" x14ac:dyDescent="0.25">
      <c r="A594" s="7"/>
      <c r="B594"/>
      <c r="C594" s="23" t="s">
        <v>2053</v>
      </c>
      <c r="D594" s="23" t="s">
        <v>2241</v>
      </c>
      <c r="E594" s="1" t="str">
        <f t="shared" si="115"/>
        <v>http://www.sap.com/community/tag.html?id=73554900100800000082</v>
      </c>
      <c r="F594" s="23" t="s">
        <v>2808</v>
      </c>
      <c r="G594"/>
      <c r="H594"/>
      <c r="I594"/>
      <c r="J594"/>
    </row>
    <row r="595" spans="1:10" x14ac:dyDescent="0.25">
      <c r="A595" s="7"/>
      <c r="B595" s="23" t="s">
        <v>1069</v>
      </c>
      <c r="C595"/>
      <c r="D595" s="7" t="s">
        <v>5032</v>
      </c>
      <c r="E595" s="1"/>
      <c r="F595" s="23" t="s">
        <v>2809</v>
      </c>
      <c r="G595"/>
      <c r="H595"/>
      <c r="I595"/>
      <c r="J595"/>
    </row>
    <row r="596" spans="1:10" x14ac:dyDescent="0.25">
      <c r="A596" s="7"/>
      <c r="B596"/>
      <c r="C596" s="23" t="s">
        <v>1069</v>
      </c>
      <c r="D596" s="23" t="s">
        <v>2241</v>
      </c>
      <c r="E596" s="1" t="str">
        <f t="shared" ref="E596:E597" si="116" xml:space="preserve"> HYPERLINK(CONCATENATE("http://www.sap.com/community/tag.html?id=",$F596))</f>
        <v>http://www.sap.com/community/tag.html?id=67837800100800004493</v>
      </c>
      <c r="F596" s="23" t="s">
        <v>2810</v>
      </c>
      <c r="G596"/>
      <c r="H596"/>
      <c r="I596"/>
      <c r="J596"/>
    </row>
    <row r="597" spans="1:10" x14ac:dyDescent="0.25">
      <c r="A597" s="7"/>
      <c r="B597" s="23"/>
      <c r="C597" t="s">
        <v>1953</v>
      </c>
      <c r="D597" s="23" t="s">
        <v>2241</v>
      </c>
      <c r="E597" s="1" t="str">
        <f t="shared" si="116"/>
        <v>http://www.sap.com/community/tag.html?id=67837800100800004884</v>
      </c>
      <c r="F597" s="23" t="s">
        <v>2811</v>
      </c>
      <c r="G597"/>
      <c r="H597"/>
      <c r="I597"/>
      <c r="J597"/>
    </row>
    <row r="598" spans="1:10" x14ac:dyDescent="0.25">
      <c r="A598" s="7"/>
      <c r="B598" t="s">
        <v>1589</v>
      </c>
      <c r="C598" s="23"/>
      <c r="D598" s="7" t="s">
        <v>5032</v>
      </c>
      <c r="E598" s="1"/>
      <c r="F598" s="23" t="s">
        <v>2812</v>
      </c>
      <c r="G598"/>
      <c r="H598"/>
      <c r="I598"/>
      <c r="J598"/>
    </row>
    <row r="599" spans="1:10" x14ac:dyDescent="0.25">
      <c r="A599" s="7"/>
      <c r="B599" s="23"/>
      <c r="C599" t="s">
        <v>1589</v>
      </c>
      <c r="D599" s="23" t="s">
        <v>2241</v>
      </c>
      <c r="E599" s="1" t="str">
        <f t="shared" ref="E599" si="117" xml:space="preserve"> HYPERLINK(CONCATENATE("http://www.sap.com/community/tag.html?id=",$F599))</f>
        <v>http://www.sap.com/community/tag.html?id=67837800100800005333</v>
      </c>
      <c r="F599" s="23" t="s">
        <v>2813</v>
      </c>
      <c r="G599"/>
      <c r="H599"/>
      <c r="I599"/>
      <c r="J599"/>
    </row>
    <row r="600" spans="1:10" x14ac:dyDescent="0.25">
      <c r="A600" s="7"/>
      <c r="B600" t="s">
        <v>1545</v>
      </c>
      <c r="C600" s="23"/>
      <c r="D600" s="7" t="s">
        <v>5032</v>
      </c>
      <c r="E600" s="1"/>
      <c r="F600" s="23" t="s">
        <v>2814</v>
      </c>
      <c r="G600"/>
      <c r="H600"/>
      <c r="I600"/>
      <c r="J600"/>
    </row>
    <row r="601" spans="1:10" x14ac:dyDescent="0.25">
      <c r="A601" s="7"/>
      <c r="B601" s="23"/>
      <c r="C601" t="s">
        <v>1545</v>
      </c>
      <c r="D601" s="23" t="s">
        <v>2241</v>
      </c>
      <c r="E601" s="1" t="str">
        <f t="shared" ref="E601" si="118" xml:space="preserve"> HYPERLINK(CONCATENATE("http://www.sap.com/community/tag.html?id=",$F601))</f>
        <v>http://www.sap.com/community/tag.html?id=01200615320800000683</v>
      </c>
      <c r="F601" s="23" t="s">
        <v>2815</v>
      </c>
      <c r="G601"/>
      <c r="H601"/>
      <c r="I601"/>
      <c r="J601"/>
    </row>
    <row r="602" spans="1:10" x14ac:dyDescent="0.25">
      <c r="A602" s="7"/>
      <c r="B602" t="s">
        <v>1230</v>
      </c>
      <c r="C602" s="23"/>
      <c r="D602" s="7" t="s">
        <v>5032</v>
      </c>
      <c r="E602" s="1"/>
      <c r="F602" s="23" t="s">
        <v>2816</v>
      </c>
      <c r="G602"/>
      <c r="H602"/>
      <c r="I602"/>
      <c r="J602"/>
    </row>
    <row r="603" spans="1:10" x14ac:dyDescent="0.25">
      <c r="A603" s="7"/>
      <c r="B603"/>
      <c r="C603" s="23" t="s">
        <v>1230</v>
      </c>
      <c r="D603" s="23" t="s">
        <v>2241</v>
      </c>
      <c r="E603" s="1" t="str">
        <f t="shared" ref="E603" si="119" xml:space="preserve"> HYPERLINK(CONCATENATE("http://www.sap.com/community/tag.html?id=",$F603))</f>
        <v>http://www.sap.com/community/tag.html?id=01200615320800002536</v>
      </c>
      <c r="F603" s="23" t="s">
        <v>2817</v>
      </c>
      <c r="G603"/>
      <c r="H603"/>
      <c r="I603"/>
      <c r="J603"/>
    </row>
    <row r="604" spans="1:10" x14ac:dyDescent="0.25">
      <c r="A604" s="7"/>
      <c r="B604" s="23" t="s">
        <v>877</v>
      </c>
      <c r="C604"/>
      <c r="D604" s="7" t="s">
        <v>5032</v>
      </c>
      <c r="E604" s="1"/>
      <c r="F604" s="23" t="s">
        <v>2818</v>
      </c>
      <c r="G604"/>
      <c r="H604"/>
      <c r="I604"/>
      <c r="J604"/>
    </row>
    <row r="605" spans="1:10" x14ac:dyDescent="0.25">
      <c r="A605" s="7"/>
      <c r="B605"/>
      <c r="C605" s="23" t="s">
        <v>877</v>
      </c>
      <c r="D605" s="23" t="s">
        <v>2241</v>
      </c>
      <c r="E605" s="1" t="str">
        <f t="shared" ref="E605:E606" si="120" xml:space="preserve"> HYPERLINK(CONCATENATE("http://www.sap.com/community/tag.html?id=",$F605))</f>
        <v>http://www.sap.com/community/tag.html?id=01200615320800001188</v>
      </c>
      <c r="F605" s="23" t="s">
        <v>2819</v>
      </c>
      <c r="G605"/>
      <c r="H605"/>
      <c r="I605"/>
      <c r="J605"/>
    </row>
    <row r="606" spans="1:10" x14ac:dyDescent="0.25">
      <c r="A606" s="7"/>
      <c r="B606" s="23"/>
      <c r="C606" t="s">
        <v>879</v>
      </c>
      <c r="D606" s="23" t="s">
        <v>2241</v>
      </c>
      <c r="E606" s="1" t="str">
        <f t="shared" si="120"/>
        <v>http://www.sap.com/community/tag.html?id=67838200100800006149</v>
      </c>
      <c r="F606" s="23" t="s">
        <v>2820</v>
      </c>
      <c r="G606"/>
      <c r="H606"/>
      <c r="I606"/>
      <c r="J606"/>
    </row>
    <row r="607" spans="1:10" x14ac:dyDescent="0.25">
      <c r="A607" s="7"/>
      <c r="B607" t="s">
        <v>703</v>
      </c>
      <c r="C607" s="23"/>
      <c r="D607" s="7" t="s">
        <v>5032</v>
      </c>
      <c r="E607" s="1"/>
      <c r="F607" s="23" t="s">
        <v>2821</v>
      </c>
      <c r="G607"/>
      <c r="H607"/>
      <c r="I607"/>
      <c r="J607"/>
    </row>
    <row r="608" spans="1:10" x14ac:dyDescent="0.25">
      <c r="A608" s="7"/>
      <c r="B608"/>
      <c r="C608" s="23" t="s">
        <v>703</v>
      </c>
      <c r="D608" s="23" t="s">
        <v>2241</v>
      </c>
      <c r="E608" s="1" t="str">
        <f t="shared" ref="E608" si="121" xml:space="preserve"> HYPERLINK(CONCATENATE("http://www.sap.com/community/tag.html?id=",$F608))</f>
        <v>http://www.sap.com/community/tag.html?id=01200615320800000700</v>
      </c>
      <c r="F608" s="23" t="s">
        <v>2822</v>
      </c>
      <c r="G608"/>
      <c r="H608"/>
      <c r="I608"/>
      <c r="J608"/>
    </row>
    <row r="609" spans="1:10" x14ac:dyDescent="0.25">
      <c r="A609" s="7"/>
      <c r="B609" s="23" t="s">
        <v>945</v>
      </c>
      <c r="C609"/>
      <c r="D609" s="7" t="s">
        <v>5032</v>
      </c>
      <c r="E609" s="1"/>
      <c r="F609" s="23" t="s">
        <v>2826</v>
      </c>
      <c r="G609"/>
      <c r="H609"/>
      <c r="I609"/>
      <c r="J609"/>
    </row>
    <row r="610" spans="1:10" x14ac:dyDescent="0.25">
      <c r="A610" s="7"/>
      <c r="B610"/>
      <c r="C610" s="23" t="s">
        <v>945</v>
      </c>
      <c r="D610" s="23" t="s">
        <v>2241</v>
      </c>
      <c r="E610" s="1" t="str">
        <f t="shared" ref="E610:E611" si="122" xml:space="preserve"> HYPERLINK(CONCATENATE("http://www.sap.com/community/tag.html?id=",$F610))</f>
        <v>http://www.sap.com/community/tag.html?id=01200314690800001839</v>
      </c>
      <c r="F610" s="23" t="s">
        <v>2827</v>
      </c>
      <c r="G610"/>
      <c r="H610"/>
      <c r="I610"/>
      <c r="J610"/>
    </row>
    <row r="611" spans="1:10" x14ac:dyDescent="0.25">
      <c r="A611" s="7"/>
      <c r="B611" s="23"/>
      <c r="C611" t="s">
        <v>1686</v>
      </c>
      <c r="D611" s="23" t="s">
        <v>2241</v>
      </c>
      <c r="E611" s="1" t="str">
        <f t="shared" si="122"/>
        <v>http://www.sap.com/community/tag.html?id=01200615320800000777</v>
      </c>
      <c r="F611" s="23" t="s">
        <v>2828</v>
      </c>
      <c r="G611"/>
      <c r="H611"/>
      <c r="I611"/>
      <c r="J611"/>
    </row>
    <row r="612" spans="1:10" x14ac:dyDescent="0.25">
      <c r="A612" s="7"/>
      <c r="B612" t="s">
        <v>5051</v>
      </c>
      <c r="C612" s="23"/>
      <c r="D612" s="7" t="s">
        <v>5032</v>
      </c>
      <c r="E612" s="1"/>
      <c r="F612" s="23" t="s">
        <v>5096</v>
      </c>
      <c r="G612"/>
      <c r="H612"/>
      <c r="I612"/>
      <c r="J612"/>
    </row>
    <row r="613" spans="1:10" x14ac:dyDescent="0.25">
      <c r="A613" s="7"/>
      <c r="B613" s="23"/>
      <c r="C613" t="s">
        <v>5051</v>
      </c>
      <c r="D613" s="23" t="s">
        <v>2241</v>
      </c>
      <c r="E613" s="1" t="str">
        <f t="shared" ref="E613" si="123" xml:space="preserve"> HYPERLINK(CONCATENATE("http://www.sap.com/community/tag.html?id=",$F613))</f>
        <v>http://www.sap.com/community/tag.html?id=73554900100800000034</v>
      </c>
      <c r="F613" s="23" t="s">
        <v>5097</v>
      </c>
      <c r="G613"/>
      <c r="H613"/>
      <c r="I613"/>
      <c r="J613"/>
    </row>
    <row r="614" spans="1:10" x14ac:dyDescent="0.25">
      <c r="A614" s="7"/>
      <c r="B614" t="s">
        <v>2071</v>
      </c>
      <c r="C614" s="23"/>
      <c r="D614" s="7" t="s">
        <v>5032</v>
      </c>
      <c r="E614" s="1"/>
      <c r="F614" s="23" t="s">
        <v>2829</v>
      </c>
      <c r="G614"/>
      <c r="H614"/>
      <c r="I614"/>
      <c r="J614"/>
    </row>
    <row r="615" spans="1:10" x14ac:dyDescent="0.25">
      <c r="A615" s="7"/>
      <c r="B615"/>
      <c r="C615" s="23" t="s">
        <v>2071</v>
      </c>
      <c r="D615" s="23" t="s">
        <v>2241</v>
      </c>
      <c r="E615" s="1" t="str">
        <f t="shared" ref="E615" si="124" xml:space="preserve"> HYPERLINK(CONCATENATE("http://www.sap.com/community/tag.html?id=",$F615))</f>
        <v>http://www.sap.com/community/tag.html?id=01200615320800000483</v>
      </c>
      <c r="F615" s="23" t="s">
        <v>2830</v>
      </c>
      <c r="G615"/>
      <c r="H615"/>
      <c r="I615"/>
      <c r="J615"/>
    </row>
    <row r="616" spans="1:10" x14ac:dyDescent="0.25">
      <c r="A616" s="7"/>
      <c r="B616" t="s">
        <v>637</v>
      </c>
      <c r="C616" s="23"/>
      <c r="D616" s="7" t="s">
        <v>5032</v>
      </c>
      <c r="E616" s="1"/>
      <c r="F616" s="23" t="s">
        <v>2831</v>
      </c>
      <c r="G616"/>
      <c r="H616"/>
      <c r="I616"/>
      <c r="J616"/>
    </row>
    <row r="617" spans="1:10" x14ac:dyDescent="0.25">
      <c r="A617" s="7"/>
      <c r="B617"/>
      <c r="C617" s="23" t="s">
        <v>637</v>
      </c>
      <c r="D617" s="23" t="s">
        <v>2241</v>
      </c>
      <c r="E617" s="1" t="str">
        <f t="shared" ref="E617:E623" si="125" xml:space="preserve"> HYPERLINK(CONCATENATE("http://www.sap.com/community/tag.html?id=",$F617))</f>
        <v>http://www.sap.com/community/tag.html?id=01200314690800002417</v>
      </c>
      <c r="F617" s="23" t="s">
        <v>2832</v>
      </c>
      <c r="G617"/>
      <c r="H617"/>
      <c r="I617"/>
      <c r="J617"/>
    </row>
    <row r="618" spans="1:10" x14ac:dyDescent="0.25">
      <c r="A618" s="7"/>
      <c r="B618"/>
      <c r="C618" s="23" t="s">
        <v>466</v>
      </c>
      <c r="D618" s="23" t="s">
        <v>2241</v>
      </c>
      <c r="E618" s="1" t="str">
        <f t="shared" si="125"/>
        <v>http://www.sap.com/community/tag.html?id=67838200100800005373</v>
      </c>
      <c r="F618" s="23" t="s">
        <v>2833</v>
      </c>
      <c r="G618"/>
      <c r="H618"/>
      <c r="I618"/>
      <c r="J618"/>
    </row>
    <row r="619" spans="1:10" x14ac:dyDescent="0.25">
      <c r="A619" s="7"/>
      <c r="B619"/>
      <c r="C619" s="23" t="s">
        <v>661</v>
      </c>
      <c r="D619" s="23" t="s">
        <v>2241</v>
      </c>
      <c r="E619" s="1" t="str">
        <f t="shared" si="125"/>
        <v>http://www.sap.com/community/tag.html?id=67837800100800004281</v>
      </c>
      <c r="F619" s="23" t="s">
        <v>2834</v>
      </c>
      <c r="G619"/>
      <c r="H619"/>
      <c r="I619"/>
      <c r="J619"/>
    </row>
    <row r="620" spans="1:10" x14ac:dyDescent="0.25">
      <c r="A620" s="7"/>
      <c r="B620"/>
      <c r="C620" s="23" t="s">
        <v>913</v>
      </c>
      <c r="D620" s="23" t="s">
        <v>2241</v>
      </c>
      <c r="E620" s="1" t="str">
        <f t="shared" si="125"/>
        <v>http://www.sap.com/community/tag.html?id=67838200100800005814</v>
      </c>
      <c r="F620" s="23" t="s">
        <v>2835</v>
      </c>
      <c r="G620"/>
      <c r="H620"/>
      <c r="I620"/>
      <c r="J620"/>
    </row>
    <row r="621" spans="1:10" x14ac:dyDescent="0.25">
      <c r="A621" s="7"/>
      <c r="B621" s="23"/>
      <c r="C621" t="s">
        <v>1737</v>
      </c>
      <c r="D621" s="23" t="s">
        <v>2241</v>
      </c>
      <c r="E621" s="1" t="str">
        <f t="shared" si="125"/>
        <v>http://www.sap.com/community/tag.html?id=67837800100800004280</v>
      </c>
      <c r="F621" s="23" t="s">
        <v>2836</v>
      </c>
      <c r="G621"/>
      <c r="H621"/>
      <c r="I621"/>
      <c r="J621"/>
    </row>
    <row r="622" spans="1:10" x14ac:dyDescent="0.25">
      <c r="A622" s="7"/>
      <c r="B622"/>
      <c r="C622" s="23" t="s">
        <v>1301</v>
      </c>
      <c r="D622" s="23" t="s">
        <v>2241</v>
      </c>
      <c r="E622" s="1" t="str">
        <f t="shared" si="125"/>
        <v>http://www.sap.com/community/tag.html?id=67837800100800004282</v>
      </c>
      <c r="F622" s="23" t="s">
        <v>2837</v>
      </c>
      <c r="G622"/>
      <c r="H622"/>
      <c r="I622"/>
      <c r="J622"/>
    </row>
    <row r="623" spans="1:10" x14ac:dyDescent="0.25">
      <c r="A623" s="7"/>
      <c r="B623" s="23"/>
      <c r="C623" t="s">
        <v>750</v>
      </c>
      <c r="D623" s="23" t="s">
        <v>2241</v>
      </c>
      <c r="E623" s="1" t="str">
        <f t="shared" si="125"/>
        <v>http://www.sap.com/community/tag.html?id=67837800100800004283</v>
      </c>
      <c r="F623" s="23" t="s">
        <v>2838</v>
      </c>
      <c r="G623"/>
      <c r="H623"/>
      <c r="I623"/>
      <c r="J623"/>
    </row>
    <row r="624" spans="1:10" x14ac:dyDescent="0.25">
      <c r="A624" s="7"/>
      <c r="B624" t="s">
        <v>2123</v>
      </c>
      <c r="C624" s="23"/>
      <c r="D624" s="7" t="s">
        <v>5032</v>
      </c>
      <c r="E624" s="1"/>
      <c r="F624" s="23" t="s">
        <v>2839</v>
      </c>
      <c r="G624"/>
      <c r="H624"/>
      <c r="I624"/>
      <c r="J624"/>
    </row>
    <row r="625" spans="1:10" x14ac:dyDescent="0.25">
      <c r="A625" s="7"/>
      <c r="B625"/>
      <c r="C625" s="23" t="s">
        <v>2123</v>
      </c>
      <c r="D625" s="23" t="s">
        <v>2241</v>
      </c>
      <c r="E625" s="1" t="str">
        <f t="shared" ref="E625" si="126" xml:space="preserve"> HYPERLINK(CONCATENATE("http://www.sap.com/community/tag.html?id=",$F625))</f>
        <v>http://www.sap.com/community/tag.html?id=01200314690800000174</v>
      </c>
      <c r="F625" s="23" t="s">
        <v>2840</v>
      </c>
      <c r="G625"/>
      <c r="H625"/>
      <c r="I625"/>
      <c r="J625"/>
    </row>
    <row r="626" spans="1:10" x14ac:dyDescent="0.25">
      <c r="A626" s="7"/>
      <c r="B626" t="s">
        <v>649</v>
      </c>
      <c r="C626" s="23"/>
      <c r="D626" s="7" t="s">
        <v>5032</v>
      </c>
      <c r="E626" s="1"/>
      <c r="F626" s="23" t="s">
        <v>2841</v>
      </c>
      <c r="G626"/>
      <c r="H626"/>
      <c r="I626"/>
      <c r="J626"/>
    </row>
    <row r="627" spans="1:10" x14ac:dyDescent="0.25">
      <c r="A627" s="7"/>
      <c r="B627" s="23"/>
      <c r="C627" t="s">
        <v>649</v>
      </c>
      <c r="D627" s="23" t="s">
        <v>2241</v>
      </c>
      <c r="E627" s="1" t="str">
        <f t="shared" ref="E627:E629" si="127" xml:space="preserve"> HYPERLINK(CONCATENATE("http://www.sap.com/community/tag.html?id=",$F627))</f>
        <v>http://www.sap.com/community/tag.html?id=67838200100800006045</v>
      </c>
      <c r="F627" s="23" t="s">
        <v>2842</v>
      </c>
      <c r="G627"/>
      <c r="H627"/>
      <c r="I627"/>
      <c r="J627"/>
    </row>
    <row r="628" spans="1:10" x14ac:dyDescent="0.25">
      <c r="A628" s="7"/>
      <c r="B628"/>
      <c r="C628" s="23" t="s">
        <v>1995</v>
      </c>
      <c r="D628" s="23" t="s">
        <v>2241</v>
      </c>
      <c r="E628" s="1" t="str">
        <f t="shared" si="127"/>
        <v>http://www.sap.com/community/tag.html?id=67838200100800006046</v>
      </c>
      <c r="F628" s="23" t="s">
        <v>2843</v>
      </c>
      <c r="G628"/>
      <c r="H628"/>
      <c r="I628"/>
      <c r="J628"/>
    </row>
    <row r="629" spans="1:10" x14ac:dyDescent="0.25">
      <c r="A629" s="7"/>
      <c r="B629"/>
      <c r="C629" s="23" t="s">
        <v>1356</v>
      </c>
      <c r="D629" s="23" t="s">
        <v>2241</v>
      </c>
      <c r="E629" s="1" t="str">
        <f t="shared" si="127"/>
        <v>http://www.sap.com/community/tag.html?id=67838200100800006419</v>
      </c>
      <c r="F629" s="23" t="s">
        <v>2844</v>
      </c>
      <c r="G629"/>
      <c r="H629"/>
      <c r="I629"/>
      <c r="J629"/>
    </row>
    <row r="630" spans="1:10" x14ac:dyDescent="0.25">
      <c r="A630" s="7"/>
      <c r="B630" s="23" t="s">
        <v>251</v>
      </c>
      <c r="C630"/>
      <c r="D630" s="7" t="s">
        <v>5032</v>
      </c>
      <c r="E630" s="1"/>
      <c r="F630" s="23" t="s">
        <v>2845</v>
      </c>
      <c r="G630"/>
      <c r="H630"/>
      <c r="I630"/>
      <c r="J630"/>
    </row>
    <row r="631" spans="1:10" x14ac:dyDescent="0.25">
      <c r="A631" s="7"/>
      <c r="B631"/>
      <c r="C631" s="23" t="s">
        <v>251</v>
      </c>
      <c r="D631" s="23" t="s">
        <v>2241</v>
      </c>
      <c r="E631" s="1" t="str">
        <f t="shared" ref="E631:E632" si="128" xml:space="preserve"> HYPERLINK(CONCATENATE("http://www.sap.com/community/tag.html?id=",$F631))</f>
        <v>http://www.sap.com/community/tag.html?id=67838200100800005438</v>
      </c>
      <c r="F631" s="23" t="s">
        <v>2846</v>
      </c>
      <c r="G631"/>
      <c r="H631"/>
      <c r="I631"/>
      <c r="J631"/>
    </row>
    <row r="632" spans="1:10" x14ac:dyDescent="0.25">
      <c r="A632" s="7"/>
      <c r="B632" s="23"/>
      <c r="C632" t="s">
        <v>7</v>
      </c>
      <c r="D632" s="23" t="s">
        <v>2241</v>
      </c>
      <c r="E632" s="1" t="str">
        <f t="shared" si="128"/>
        <v>http://www.sap.com/community/tag.html?id=67838200100800005439</v>
      </c>
      <c r="F632" s="23" t="s">
        <v>2847</v>
      </c>
      <c r="G632"/>
      <c r="H632"/>
      <c r="I632"/>
      <c r="J632"/>
    </row>
    <row r="633" spans="1:10" x14ac:dyDescent="0.25">
      <c r="A633" s="7"/>
      <c r="B633" t="s">
        <v>1442</v>
      </c>
      <c r="C633" s="23"/>
      <c r="D633" s="7" t="s">
        <v>5032</v>
      </c>
      <c r="E633" s="1"/>
      <c r="F633" s="23" t="s">
        <v>2848</v>
      </c>
      <c r="G633"/>
      <c r="H633"/>
      <c r="I633"/>
      <c r="J633"/>
    </row>
    <row r="634" spans="1:10" x14ac:dyDescent="0.25">
      <c r="A634" s="7"/>
      <c r="B634"/>
      <c r="C634" s="23" t="s">
        <v>1442</v>
      </c>
      <c r="D634" s="23" t="s">
        <v>2241</v>
      </c>
      <c r="E634" s="1" t="str">
        <f t="shared" ref="E634" si="129" xml:space="preserve"> HYPERLINK(CONCATENATE("http://www.sap.com/community/tag.html?id=",$F634))</f>
        <v>http://www.sap.com/community/tag.html?id=67838200100800005780</v>
      </c>
      <c r="F634" s="23" t="s">
        <v>2849</v>
      </c>
      <c r="G634"/>
      <c r="H634"/>
      <c r="I634"/>
      <c r="J634"/>
    </row>
    <row r="635" spans="1:10" x14ac:dyDescent="0.25">
      <c r="A635" s="7"/>
      <c r="B635" t="s">
        <v>286</v>
      </c>
      <c r="C635" s="23"/>
      <c r="D635" s="7" t="s">
        <v>5032</v>
      </c>
      <c r="E635" s="1"/>
      <c r="F635" s="23" t="s">
        <v>2850</v>
      </c>
      <c r="G635"/>
      <c r="H635"/>
      <c r="I635"/>
      <c r="J635"/>
    </row>
    <row r="636" spans="1:10" x14ac:dyDescent="0.25">
      <c r="A636" s="7"/>
      <c r="B636"/>
      <c r="C636" s="23" t="s">
        <v>286</v>
      </c>
      <c r="D636" s="23" t="s">
        <v>2241</v>
      </c>
      <c r="E636" s="1" t="str">
        <f t="shared" ref="E636:E642" si="130" xml:space="preserve"> HYPERLINK(CONCATENATE("http://www.sap.com/community/tag.html?id=",$F636))</f>
        <v>http://www.sap.com/community/tag.html?id=67837800100800006434</v>
      </c>
      <c r="F636" s="23" t="s">
        <v>2851</v>
      </c>
      <c r="G636"/>
      <c r="H636"/>
      <c r="I636"/>
      <c r="J636"/>
    </row>
    <row r="637" spans="1:10" x14ac:dyDescent="0.25">
      <c r="A637" s="7"/>
      <c r="B637"/>
      <c r="C637" s="23" t="s">
        <v>511</v>
      </c>
      <c r="D637" s="23" t="s">
        <v>2241</v>
      </c>
      <c r="E637" s="1" t="str">
        <f t="shared" si="130"/>
        <v>http://www.sap.com/community/tag.html?id=67838200100800006205</v>
      </c>
      <c r="F637" s="23" t="s">
        <v>2852</v>
      </c>
      <c r="G637"/>
      <c r="H637"/>
      <c r="I637"/>
      <c r="J637"/>
    </row>
    <row r="638" spans="1:10" x14ac:dyDescent="0.25">
      <c r="A638" s="7"/>
      <c r="B638"/>
      <c r="C638" s="23" t="s">
        <v>1025</v>
      </c>
      <c r="D638" s="23" t="s">
        <v>2241</v>
      </c>
      <c r="E638" s="1" t="str">
        <f t="shared" si="130"/>
        <v>http://www.sap.com/community/tag.html?id=67838200100800006278</v>
      </c>
      <c r="F638" s="23" t="s">
        <v>2853</v>
      </c>
      <c r="G638"/>
      <c r="H638"/>
      <c r="I638"/>
      <c r="J638"/>
    </row>
    <row r="639" spans="1:10" x14ac:dyDescent="0.25">
      <c r="A639" s="7"/>
      <c r="B639"/>
      <c r="C639" s="23" t="s">
        <v>1346</v>
      </c>
      <c r="D639" s="23" t="s">
        <v>2241</v>
      </c>
      <c r="E639" s="1" t="str">
        <f t="shared" si="130"/>
        <v>http://www.sap.com/community/tag.html?id=67838200100800006206</v>
      </c>
      <c r="F639" s="23" t="s">
        <v>2854</v>
      </c>
      <c r="G639"/>
      <c r="H639"/>
      <c r="I639"/>
      <c r="J639"/>
    </row>
    <row r="640" spans="1:10" x14ac:dyDescent="0.25">
      <c r="A640" s="7"/>
      <c r="B640" s="23"/>
      <c r="C640" t="s">
        <v>289</v>
      </c>
      <c r="D640" s="23" t="s">
        <v>2241</v>
      </c>
      <c r="E640" s="1" t="str">
        <f t="shared" si="130"/>
        <v>http://www.sap.com/community/tag.html?id=67838200100800006277</v>
      </c>
      <c r="F640" s="23" t="s">
        <v>2855</v>
      </c>
      <c r="G640"/>
      <c r="H640"/>
      <c r="I640"/>
      <c r="J640"/>
    </row>
    <row r="641" spans="1:10" x14ac:dyDescent="0.25">
      <c r="A641" s="7"/>
      <c r="B641"/>
      <c r="C641" s="23" t="s">
        <v>451</v>
      </c>
      <c r="D641" s="23" t="s">
        <v>2241</v>
      </c>
      <c r="E641" s="1" t="str">
        <f t="shared" si="130"/>
        <v>http://www.sap.com/community/tag.html?id=67838200100800005715</v>
      </c>
      <c r="F641" s="23" t="s">
        <v>2856</v>
      </c>
      <c r="G641"/>
      <c r="H641"/>
      <c r="I641"/>
      <c r="J641"/>
    </row>
    <row r="642" spans="1:10" x14ac:dyDescent="0.25">
      <c r="A642" s="7"/>
      <c r="B642"/>
      <c r="C642" s="23" t="s">
        <v>1092</v>
      </c>
      <c r="D642" s="23" t="s">
        <v>2241</v>
      </c>
      <c r="E642" s="1" t="str">
        <f t="shared" si="130"/>
        <v>http://www.sap.com/community/tag.html?id=67838200100800005945</v>
      </c>
      <c r="F642" s="23" t="s">
        <v>2857</v>
      </c>
      <c r="G642"/>
      <c r="H642"/>
      <c r="I642"/>
      <c r="J642"/>
    </row>
    <row r="643" spans="1:10" x14ac:dyDescent="0.25">
      <c r="A643" s="7"/>
      <c r="B643" s="23" t="s">
        <v>138</v>
      </c>
      <c r="C643"/>
      <c r="D643" s="7" t="s">
        <v>5032</v>
      </c>
      <c r="E643" s="1"/>
      <c r="F643" s="23" t="s">
        <v>2858</v>
      </c>
      <c r="G643"/>
      <c r="H643"/>
      <c r="I643"/>
      <c r="J643"/>
    </row>
    <row r="644" spans="1:10" x14ac:dyDescent="0.25">
      <c r="A644" s="7"/>
      <c r="B644"/>
      <c r="C644" s="23" t="s">
        <v>138</v>
      </c>
      <c r="D644" s="23" t="s">
        <v>2241</v>
      </c>
      <c r="E644" s="1" t="str">
        <f t="shared" ref="E644:E645" si="131" xml:space="preserve"> HYPERLINK(CONCATENATE("http://www.sap.com/community/tag.html?id=",$F644))</f>
        <v>http://www.sap.com/community/tag.html?id=01200615320800003597</v>
      </c>
      <c r="F644" s="23" t="s">
        <v>2859</v>
      </c>
      <c r="G644"/>
      <c r="H644"/>
      <c r="I644"/>
      <c r="J644"/>
    </row>
    <row r="645" spans="1:10" x14ac:dyDescent="0.25">
      <c r="A645" s="7"/>
      <c r="B645"/>
      <c r="C645" s="23" t="s">
        <v>1828</v>
      </c>
      <c r="D645" s="23" t="s">
        <v>2241</v>
      </c>
      <c r="E645" s="1" t="str">
        <f t="shared" si="131"/>
        <v>http://www.sap.com/community/tag.html?id=01200615320800004039</v>
      </c>
      <c r="F645" s="23" t="s">
        <v>2860</v>
      </c>
      <c r="G645"/>
      <c r="H645"/>
      <c r="I645"/>
      <c r="J645"/>
    </row>
    <row r="646" spans="1:10" x14ac:dyDescent="0.25">
      <c r="A646" s="7"/>
      <c r="B646" s="23" t="s">
        <v>1923</v>
      </c>
      <c r="C646"/>
      <c r="D646" s="7" t="s">
        <v>5032</v>
      </c>
      <c r="E646" s="1"/>
      <c r="F646" s="23" t="s">
        <v>2861</v>
      </c>
      <c r="G646"/>
      <c r="H646"/>
      <c r="I646"/>
      <c r="J646"/>
    </row>
    <row r="647" spans="1:10" x14ac:dyDescent="0.25">
      <c r="A647" s="7"/>
      <c r="B647"/>
      <c r="C647" s="23" t="s">
        <v>1923</v>
      </c>
      <c r="D647" s="23" t="s">
        <v>2241</v>
      </c>
      <c r="E647" s="1" t="str">
        <f t="shared" ref="E647:E648" si="132" xml:space="preserve"> HYPERLINK(CONCATENATE("http://www.sap.com/community/tag.html?id=",$F647))</f>
        <v>http://www.sap.com/community/tag.html?id=67837800100800006795</v>
      </c>
      <c r="F647" s="23" t="s">
        <v>2862</v>
      </c>
      <c r="G647"/>
      <c r="H647"/>
      <c r="I647"/>
      <c r="J647"/>
    </row>
    <row r="648" spans="1:10" x14ac:dyDescent="0.25">
      <c r="A648" s="7"/>
      <c r="B648"/>
      <c r="C648" s="23" t="s">
        <v>121</v>
      </c>
      <c r="D648" s="23" t="s">
        <v>2241</v>
      </c>
      <c r="E648" s="1" t="str">
        <f t="shared" si="132"/>
        <v>http://www.sap.com/community/tag.html?id=67837800100800006798</v>
      </c>
      <c r="F648" s="23" t="s">
        <v>2863</v>
      </c>
      <c r="G648"/>
      <c r="H648"/>
      <c r="I648"/>
      <c r="J648"/>
    </row>
    <row r="649" spans="1:10" x14ac:dyDescent="0.25">
      <c r="A649" s="7"/>
      <c r="B649" s="23" t="s">
        <v>842</v>
      </c>
      <c r="C649"/>
      <c r="D649" s="7" t="s">
        <v>5032</v>
      </c>
      <c r="E649" s="1"/>
      <c r="F649" s="23" t="s">
        <v>2864</v>
      </c>
      <c r="G649"/>
      <c r="H649"/>
      <c r="I649"/>
      <c r="J649"/>
    </row>
    <row r="650" spans="1:10" x14ac:dyDescent="0.25">
      <c r="A650" s="7"/>
      <c r="B650"/>
      <c r="C650" s="23" t="s">
        <v>1602</v>
      </c>
      <c r="D650" s="23" t="s">
        <v>2241</v>
      </c>
      <c r="E650" s="1" t="str">
        <f t="shared" ref="E650:E651" si="133" xml:space="preserve"> HYPERLINK(CONCATENATE("http://www.sap.com/community/tag.html?id=",$F650))</f>
        <v>http://www.sap.com/community/tag.html?id=73554900100800000250</v>
      </c>
      <c r="F650" s="23" t="s">
        <v>2865</v>
      </c>
      <c r="G650"/>
      <c r="H650"/>
      <c r="I650"/>
      <c r="J650"/>
    </row>
    <row r="651" spans="1:10" x14ac:dyDescent="0.25">
      <c r="A651" s="7"/>
      <c r="B651"/>
      <c r="C651" s="23" t="s">
        <v>1048</v>
      </c>
      <c r="D651" s="23" t="s">
        <v>2241</v>
      </c>
      <c r="E651" s="1" t="str">
        <f t="shared" si="133"/>
        <v>http://www.sap.com/community/tag.html?id=73555000100800000151</v>
      </c>
      <c r="F651" s="23" t="s">
        <v>2866</v>
      </c>
      <c r="G651"/>
      <c r="H651"/>
      <c r="I651"/>
      <c r="J651"/>
    </row>
    <row r="652" spans="1:10" x14ac:dyDescent="0.25">
      <c r="A652" s="7"/>
      <c r="B652" t="s">
        <v>824</v>
      </c>
      <c r="C652" s="23"/>
      <c r="D652" s="7" t="s">
        <v>5032</v>
      </c>
      <c r="E652" s="1"/>
      <c r="F652" s="23" t="s">
        <v>2867</v>
      </c>
      <c r="G652"/>
      <c r="H652"/>
      <c r="I652"/>
      <c r="J652"/>
    </row>
    <row r="653" spans="1:10" x14ac:dyDescent="0.25">
      <c r="A653" s="7"/>
      <c r="B653" s="23"/>
      <c r="C653" t="s">
        <v>824</v>
      </c>
      <c r="D653" s="23" t="s">
        <v>2241</v>
      </c>
      <c r="E653" s="1" t="str">
        <f t="shared" ref="E653:E655" si="134" xml:space="preserve"> HYPERLINK(CONCATENATE("http://www.sap.com/community/tag.html?id=",$F653))</f>
        <v>http://www.sap.com/community/tag.html?id=67837800100800007267</v>
      </c>
      <c r="F653" s="23" t="s">
        <v>2868</v>
      </c>
      <c r="G653"/>
      <c r="H653"/>
      <c r="I653"/>
      <c r="J653"/>
    </row>
    <row r="654" spans="1:10" x14ac:dyDescent="0.25">
      <c r="A654" s="7"/>
      <c r="B654"/>
      <c r="C654" s="23" t="s">
        <v>2041</v>
      </c>
      <c r="D654" s="23" t="s">
        <v>2241</v>
      </c>
      <c r="E654" s="1" t="str">
        <f t="shared" si="134"/>
        <v>http://www.sap.com/community/tag.html?id=67837800100800007265</v>
      </c>
      <c r="F654" s="23" t="s">
        <v>2869</v>
      </c>
      <c r="G654"/>
      <c r="H654"/>
      <c r="I654"/>
      <c r="J654"/>
    </row>
    <row r="655" spans="1:10" x14ac:dyDescent="0.25">
      <c r="A655" s="7"/>
      <c r="B655" s="23"/>
      <c r="C655" t="s">
        <v>1222</v>
      </c>
      <c r="D655" s="23" t="s">
        <v>2241</v>
      </c>
      <c r="E655" s="1" t="str">
        <f t="shared" si="134"/>
        <v>http://www.sap.com/community/tag.html?id=67838200100800006588</v>
      </c>
      <c r="F655" s="23" t="s">
        <v>2870</v>
      </c>
      <c r="G655"/>
      <c r="H655"/>
      <c r="I655"/>
      <c r="J655"/>
    </row>
    <row r="656" spans="1:10" x14ac:dyDescent="0.25">
      <c r="A656" s="7"/>
      <c r="B656" t="s">
        <v>58</v>
      </c>
      <c r="C656" s="23"/>
      <c r="D656" s="7" t="s">
        <v>5032</v>
      </c>
      <c r="E656" s="1"/>
      <c r="F656" s="23" t="s">
        <v>2871</v>
      </c>
      <c r="G656"/>
      <c r="H656"/>
      <c r="I656"/>
      <c r="J656"/>
    </row>
    <row r="657" spans="1:10" x14ac:dyDescent="0.25">
      <c r="A657" s="7"/>
      <c r="B657" s="23"/>
      <c r="C657" t="s">
        <v>932</v>
      </c>
      <c r="D657" s="23" t="s">
        <v>2241</v>
      </c>
      <c r="E657" s="1" t="str">
        <f t="shared" ref="E657" si="135" xml:space="preserve"> HYPERLINK(CONCATENATE("http://www.sap.com/community/tag.html?id=",$F657))</f>
        <v>http://www.sap.com/community/tag.html?id=73554900100800000706</v>
      </c>
      <c r="F657" s="23" t="s">
        <v>2872</v>
      </c>
      <c r="G657"/>
      <c r="H657"/>
      <c r="I657"/>
      <c r="J657"/>
    </row>
    <row r="658" spans="1:10" x14ac:dyDescent="0.25">
      <c r="A658" s="7"/>
      <c r="B658" t="s">
        <v>62</v>
      </c>
      <c r="C658" s="23"/>
      <c r="D658" s="7" t="s">
        <v>5032</v>
      </c>
      <c r="E658" s="1"/>
      <c r="F658" s="23" t="s">
        <v>2873</v>
      </c>
      <c r="G658"/>
      <c r="H658"/>
      <c r="I658"/>
      <c r="J658"/>
    </row>
    <row r="659" spans="1:10" x14ac:dyDescent="0.25">
      <c r="A659" s="7"/>
      <c r="B659" s="23"/>
      <c r="C659" t="s">
        <v>2114</v>
      </c>
      <c r="D659" s="23" t="s">
        <v>2241</v>
      </c>
      <c r="E659" s="1" t="str">
        <f t="shared" ref="E659" si="136" xml:space="preserve"> HYPERLINK(CONCATENATE("http://www.sap.com/community/tag.html?id=",$F659))</f>
        <v>http://www.sap.com/community/tag.html?id=67837800100800007036</v>
      </c>
      <c r="F659" s="23" t="s">
        <v>2874</v>
      </c>
      <c r="G659"/>
      <c r="H659"/>
      <c r="I659"/>
      <c r="J659"/>
    </row>
    <row r="660" spans="1:10" x14ac:dyDescent="0.25">
      <c r="A660" s="7"/>
      <c r="B660" t="s">
        <v>2099</v>
      </c>
      <c r="C660" s="23"/>
      <c r="D660" s="7" t="s">
        <v>5032</v>
      </c>
      <c r="E660" s="1"/>
      <c r="F660" s="23" t="s">
        <v>2875</v>
      </c>
      <c r="G660"/>
      <c r="H660"/>
      <c r="I660"/>
      <c r="J660"/>
    </row>
    <row r="661" spans="1:10" x14ac:dyDescent="0.25">
      <c r="A661" s="7"/>
      <c r="B661"/>
      <c r="C661" s="23" t="s">
        <v>2099</v>
      </c>
      <c r="D661" s="23" t="s">
        <v>2241</v>
      </c>
      <c r="E661" s="1" t="str">
        <f t="shared" ref="E661" si="137" xml:space="preserve"> HYPERLINK(CONCATENATE("http://www.sap.com/community/tag.html?id=",$F661))</f>
        <v>http://www.sap.com/community/tag.html?id=67837800100800006647</v>
      </c>
      <c r="F661" s="23" t="s">
        <v>2876</v>
      </c>
      <c r="G661"/>
      <c r="H661"/>
      <c r="I661"/>
      <c r="J661"/>
    </row>
    <row r="662" spans="1:10" x14ac:dyDescent="0.25">
      <c r="A662" s="7"/>
      <c r="B662" t="s">
        <v>88</v>
      </c>
      <c r="C662" s="23"/>
      <c r="D662" s="7" t="s">
        <v>5032</v>
      </c>
      <c r="E662" s="1"/>
      <c r="F662" s="23" t="s">
        <v>2877</v>
      </c>
      <c r="G662"/>
      <c r="H662"/>
      <c r="I662"/>
      <c r="J662"/>
    </row>
    <row r="663" spans="1:10" x14ac:dyDescent="0.25">
      <c r="A663" s="7"/>
      <c r="B663"/>
      <c r="C663" s="23" t="s">
        <v>150</v>
      </c>
      <c r="D663" s="23" t="s">
        <v>2241</v>
      </c>
      <c r="E663" s="1" t="str">
        <f t="shared" ref="E663:E667" si="138" xml:space="preserve"> HYPERLINK(CONCATENATE("http://www.sap.com/community/tag.html?id=",$F663))</f>
        <v>http://www.sap.com/community/tag.html?id=67838200100800005098</v>
      </c>
      <c r="F663" s="23" t="s">
        <v>2878</v>
      </c>
      <c r="G663"/>
      <c r="H663"/>
      <c r="I663"/>
      <c r="J663"/>
    </row>
    <row r="664" spans="1:10" x14ac:dyDescent="0.25">
      <c r="A664" s="7"/>
      <c r="B664"/>
      <c r="C664" s="23" t="s">
        <v>1573</v>
      </c>
      <c r="D664" s="23" t="s">
        <v>2241</v>
      </c>
      <c r="E664" s="1" t="str">
        <f t="shared" si="138"/>
        <v>http://www.sap.com/community/tag.html?id=73554900100800000361</v>
      </c>
      <c r="F664" s="23" t="s">
        <v>2879</v>
      </c>
      <c r="G664"/>
      <c r="H664"/>
      <c r="I664"/>
      <c r="J664"/>
    </row>
    <row r="665" spans="1:10" x14ac:dyDescent="0.25">
      <c r="A665" s="7"/>
      <c r="B665" s="23"/>
      <c r="C665" t="s">
        <v>2127</v>
      </c>
      <c r="D665" s="23" t="s">
        <v>2241</v>
      </c>
      <c r="E665" s="1" t="str">
        <f t="shared" si="138"/>
        <v>http://www.sap.com/community/tag.html?id=67838200100800005099</v>
      </c>
      <c r="F665" s="23" t="s">
        <v>2880</v>
      </c>
      <c r="G665"/>
      <c r="H665"/>
      <c r="I665"/>
      <c r="J665"/>
    </row>
    <row r="666" spans="1:10" x14ac:dyDescent="0.25">
      <c r="A666" s="7"/>
      <c r="B666"/>
      <c r="C666" s="23" t="s">
        <v>1881</v>
      </c>
      <c r="D666" s="23" t="s">
        <v>2241</v>
      </c>
      <c r="E666" s="1" t="str">
        <f t="shared" si="138"/>
        <v>http://www.sap.com/community/tag.html?id=01200615320800002986</v>
      </c>
      <c r="F666" s="23" t="s">
        <v>2881</v>
      </c>
      <c r="G666"/>
      <c r="H666"/>
      <c r="I666"/>
      <c r="J666"/>
    </row>
    <row r="667" spans="1:10" x14ac:dyDescent="0.25">
      <c r="A667" s="7"/>
      <c r="B667" s="23"/>
      <c r="C667" t="s">
        <v>1317</v>
      </c>
      <c r="D667" s="23" t="s">
        <v>2241</v>
      </c>
      <c r="E667" s="1" t="str">
        <f t="shared" si="138"/>
        <v>http://www.sap.com/community/tag.html?id=01200615320800002549</v>
      </c>
      <c r="F667" s="23" t="s">
        <v>2882</v>
      </c>
      <c r="G667"/>
      <c r="H667"/>
      <c r="I667"/>
      <c r="J667"/>
    </row>
    <row r="668" spans="1:10" x14ac:dyDescent="0.25">
      <c r="A668" s="7"/>
      <c r="B668" t="s">
        <v>1426</v>
      </c>
      <c r="C668" s="23"/>
      <c r="D668" s="7" t="s">
        <v>5032</v>
      </c>
      <c r="E668" s="1"/>
      <c r="F668" s="23" t="s">
        <v>2883</v>
      </c>
      <c r="G668"/>
      <c r="H668"/>
      <c r="I668"/>
      <c r="J668"/>
    </row>
    <row r="669" spans="1:10" x14ac:dyDescent="0.25">
      <c r="A669" s="7"/>
      <c r="B669" s="23"/>
      <c r="C669" t="s">
        <v>1426</v>
      </c>
      <c r="D669" s="23" t="s">
        <v>2241</v>
      </c>
      <c r="E669" s="1" t="str">
        <f t="shared" ref="E669" si="139" xml:space="preserve"> HYPERLINK(CONCATENATE("http://www.sap.com/community/tag.html?id=",$F669))</f>
        <v>http://www.sap.com/community/tag.html?id=01200314690800000164</v>
      </c>
      <c r="F669" s="23" t="s">
        <v>2884</v>
      </c>
      <c r="G669"/>
      <c r="H669"/>
      <c r="I669"/>
      <c r="J669"/>
    </row>
    <row r="670" spans="1:10" x14ac:dyDescent="0.25">
      <c r="A670" s="7"/>
      <c r="B670" t="s">
        <v>528</v>
      </c>
      <c r="C670" s="23"/>
      <c r="D670" s="7" t="s">
        <v>5032</v>
      </c>
      <c r="E670" s="1"/>
      <c r="F670" s="23" t="s">
        <v>2885</v>
      </c>
      <c r="G670"/>
      <c r="H670"/>
      <c r="I670"/>
      <c r="J670"/>
    </row>
    <row r="671" spans="1:10" x14ac:dyDescent="0.25">
      <c r="A671" s="7"/>
      <c r="B671"/>
      <c r="C671" s="23" t="s">
        <v>528</v>
      </c>
      <c r="D671" s="23" t="s">
        <v>2241</v>
      </c>
      <c r="E671" s="1" t="str">
        <f t="shared" ref="E671" si="140" xml:space="preserve"> HYPERLINK(CONCATENATE("http://www.sap.com/community/tag.html?id=",$F671))</f>
        <v>http://www.sap.com/community/tag.html?id=01200615320800000242</v>
      </c>
      <c r="F671" s="23" t="s">
        <v>2886</v>
      </c>
      <c r="G671"/>
      <c r="H671"/>
      <c r="I671"/>
      <c r="J671"/>
    </row>
    <row r="672" spans="1:10" x14ac:dyDescent="0.25">
      <c r="A672" s="7"/>
      <c r="B672" s="23" t="s">
        <v>669</v>
      </c>
      <c r="C672"/>
      <c r="D672" s="7" t="s">
        <v>5032</v>
      </c>
      <c r="E672" s="1"/>
      <c r="F672" s="23" t="s">
        <v>2887</v>
      </c>
      <c r="G672"/>
      <c r="H672"/>
      <c r="I672"/>
      <c r="J672"/>
    </row>
    <row r="673" spans="1:10" x14ac:dyDescent="0.25">
      <c r="A673" s="7"/>
      <c r="B673"/>
      <c r="C673" s="23" t="s">
        <v>521</v>
      </c>
      <c r="D673" s="23" t="s">
        <v>2241</v>
      </c>
      <c r="E673" s="1" t="str">
        <f t="shared" ref="E673:E674" si="141" xml:space="preserve"> HYPERLINK(CONCATENATE("http://www.sap.com/community/tag.html?id=",$F673))</f>
        <v>http://www.sap.com/community/tag.html?id=73555000100800000166</v>
      </c>
      <c r="F673" s="23" t="s">
        <v>2888</v>
      </c>
      <c r="G673"/>
      <c r="H673"/>
      <c r="I673"/>
      <c r="J673"/>
    </row>
    <row r="674" spans="1:10" x14ac:dyDescent="0.25">
      <c r="A674" s="7"/>
      <c r="B674" s="23"/>
      <c r="C674" t="s">
        <v>1470</v>
      </c>
      <c r="D674" s="23" t="s">
        <v>2241</v>
      </c>
      <c r="E674" s="1" t="str">
        <f t="shared" si="141"/>
        <v>http://www.sap.com/community/tag.html?id=73554900100800000009</v>
      </c>
      <c r="F674" s="23" t="s">
        <v>2889</v>
      </c>
      <c r="G674"/>
      <c r="H674"/>
      <c r="I674"/>
      <c r="J674"/>
    </row>
    <row r="675" spans="1:10" x14ac:dyDescent="0.25">
      <c r="A675" s="7"/>
      <c r="B675" t="s">
        <v>5052</v>
      </c>
      <c r="C675" s="23"/>
      <c r="D675" s="7" t="s">
        <v>5032</v>
      </c>
      <c r="E675" s="1"/>
      <c r="F675" s="23" t="s">
        <v>5098</v>
      </c>
      <c r="G675"/>
      <c r="H675"/>
      <c r="I675"/>
      <c r="J675"/>
    </row>
    <row r="676" spans="1:10" x14ac:dyDescent="0.25">
      <c r="A676" s="7"/>
      <c r="B676" s="23"/>
      <c r="C676" t="s">
        <v>5052</v>
      </c>
      <c r="D676" s="23" t="s">
        <v>2241</v>
      </c>
      <c r="E676" s="1" t="str">
        <f t="shared" ref="E676" si="142" xml:space="preserve"> HYPERLINK(CONCATENATE("http://www.sap.com/community/tag.html?id=",$F676))</f>
        <v>http://www.sap.com/community/tag.html?id=73555000100800000448</v>
      </c>
      <c r="F676" s="23" t="s">
        <v>5099</v>
      </c>
      <c r="G676"/>
      <c r="H676"/>
      <c r="I676"/>
      <c r="J676"/>
    </row>
    <row r="677" spans="1:10" x14ac:dyDescent="0.25">
      <c r="A677" s="7"/>
      <c r="B677" t="s">
        <v>851</v>
      </c>
      <c r="C677" s="23"/>
      <c r="D677" s="7" t="s">
        <v>5032</v>
      </c>
      <c r="E677" s="1"/>
      <c r="F677" s="23" t="s">
        <v>2890</v>
      </c>
      <c r="G677"/>
      <c r="H677"/>
      <c r="I677"/>
      <c r="J677"/>
    </row>
    <row r="678" spans="1:10" x14ac:dyDescent="0.25">
      <c r="A678" s="7"/>
      <c r="B678" s="23"/>
      <c r="C678" t="s">
        <v>851</v>
      </c>
      <c r="D678" s="23" t="s">
        <v>2241</v>
      </c>
      <c r="E678" s="1" t="str">
        <f t="shared" ref="E678" si="143" xml:space="preserve"> HYPERLINK(CONCATENATE("http://www.sap.com/community/tag.html?id=",$F678))</f>
        <v>http://www.sap.com/community/tag.html?id=01200615320800002970</v>
      </c>
      <c r="F678" s="23" t="s">
        <v>2891</v>
      </c>
      <c r="G678"/>
      <c r="H678"/>
      <c r="I678"/>
      <c r="J678"/>
    </row>
    <row r="679" spans="1:10" x14ac:dyDescent="0.25">
      <c r="A679" s="7"/>
      <c r="B679" t="s">
        <v>1085</v>
      </c>
      <c r="C679" s="23"/>
      <c r="D679" s="7" t="s">
        <v>5032</v>
      </c>
      <c r="E679" s="1"/>
      <c r="F679" s="23" t="s">
        <v>2892</v>
      </c>
      <c r="G679"/>
      <c r="H679"/>
      <c r="I679"/>
      <c r="J679"/>
    </row>
    <row r="680" spans="1:10" x14ac:dyDescent="0.25">
      <c r="A680" s="7"/>
      <c r="B680"/>
      <c r="C680" s="23" t="s">
        <v>1085</v>
      </c>
      <c r="D680" s="23" t="s">
        <v>2241</v>
      </c>
      <c r="E680" s="1" t="str">
        <f t="shared" ref="E680" si="144" xml:space="preserve"> HYPERLINK(CONCATENATE("http://www.sap.com/community/tag.html?id=",$F680))</f>
        <v>http://www.sap.com/community/tag.html?id=01200314690800001670</v>
      </c>
      <c r="F680" s="23" t="s">
        <v>2893</v>
      </c>
      <c r="G680"/>
      <c r="H680"/>
      <c r="I680"/>
      <c r="J680"/>
    </row>
    <row r="681" spans="1:10" x14ac:dyDescent="0.25">
      <c r="A681" s="7"/>
      <c r="B681" t="s">
        <v>128</v>
      </c>
      <c r="C681" s="23"/>
      <c r="D681" s="7" t="s">
        <v>5032</v>
      </c>
      <c r="E681" s="1"/>
      <c r="F681" s="23" t="s">
        <v>2894</v>
      </c>
      <c r="G681"/>
      <c r="H681"/>
      <c r="I681"/>
      <c r="J681"/>
    </row>
    <row r="682" spans="1:10" x14ac:dyDescent="0.25">
      <c r="A682" s="7"/>
      <c r="B682"/>
      <c r="C682" s="23" t="s">
        <v>128</v>
      </c>
      <c r="D682" s="23" t="s">
        <v>2241</v>
      </c>
      <c r="E682" s="1" t="str">
        <f t="shared" ref="E682:E685" si="145" xml:space="preserve"> HYPERLINK(CONCATENATE("http://www.sap.com/community/tag.html?id=",$F682))</f>
        <v>http://www.sap.com/community/tag.html?id=67837800100800006337</v>
      </c>
      <c r="F682" s="23" t="s">
        <v>2895</v>
      </c>
      <c r="G682"/>
      <c r="H682"/>
      <c r="I682"/>
      <c r="J682"/>
    </row>
    <row r="683" spans="1:10" x14ac:dyDescent="0.25">
      <c r="A683" s="7"/>
      <c r="B683" s="23"/>
      <c r="C683" t="s">
        <v>766</v>
      </c>
      <c r="D683" s="23" t="s">
        <v>2241</v>
      </c>
      <c r="E683" s="1" t="str">
        <f t="shared" si="145"/>
        <v>http://www.sap.com/community/tag.html?id=67837800100800005830</v>
      </c>
      <c r="F683" s="23" t="s">
        <v>2896</v>
      </c>
      <c r="G683"/>
      <c r="H683"/>
      <c r="I683"/>
      <c r="J683"/>
    </row>
    <row r="684" spans="1:10" x14ac:dyDescent="0.25">
      <c r="A684" s="7"/>
      <c r="B684"/>
      <c r="C684" s="23" t="s">
        <v>1147</v>
      </c>
      <c r="D684" s="23" t="s">
        <v>2241</v>
      </c>
      <c r="E684" s="1" t="str">
        <f t="shared" si="145"/>
        <v>http://www.sap.com/community/tag.html?id=67837800100800005829</v>
      </c>
      <c r="F684" s="23" t="s">
        <v>2897</v>
      </c>
      <c r="G684"/>
      <c r="H684"/>
      <c r="I684"/>
      <c r="J684"/>
    </row>
    <row r="685" spans="1:10" x14ac:dyDescent="0.25">
      <c r="A685" s="7"/>
      <c r="B685" s="23"/>
      <c r="C685" t="s">
        <v>303</v>
      </c>
      <c r="D685" s="23" t="s">
        <v>2241</v>
      </c>
      <c r="E685" s="1" t="str">
        <f t="shared" si="145"/>
        <v>http://www.sap.com/community/tag.html?id=67838200100800006589</v>
      </c>
      <c r="F685" s="23" t="s">
        <v>2898</v>
      </c>
      <c r="G685"/>
      <c r="H685"/>
      <c r="I685"/>
      <c r="J685"/>
    </row>
    <row r="686" spans="1:10" x14ac:dyDescent="0.25">
      <c r="A686" s="7"/>
      <c r="B686" t="s">
        <v>151</v>
      </c>
      <c r="C686" s="23"/>
      <c r="D686" s="7" t="s">
        <v>5032</v>
      </c>
      <c r="E686" s="1"/>
      <c r="F686" s="23" t="s">
        <v>2899</v>
      </c>
      <c r="G686"/>
      <c r="H686"/>
      <c r="I686"/>
      <c r="J686"/>
    </row>
    <row r="687" spans="1:10" x14ac:dyDescent="0.25">
      <c r="A687" s="7"/>
      <c r="B687" s="23"/>
      <c r="C687" t="s">
        <v>1893</v>
      </c>
      <c r="D687" s="23" t="s">
        <v>2241</v>
      </c>
      <c r="E687" s="1" t="str">
        <f t="shared" ref="E687" si="146" xml:space="preserve"> HYPERLINK(CONCATENATE("http://www.sap.com/community/tag.html?id=",$F687))</f>
        <v>http://www.sap.com/community/tag.html?id=67838200100800004053</v>
      </c>
      <c r="F687" s="23" t="s">
        <v>2900</v>
      </c>
      <c r="G687"/>
      <c r="H687"/>
      <c r="I687"/>
      <c r="J687"/>
    </row>
    <row r="688" spans="1:10" x14ac:dyDescent="0.25">
      <c r="A688" s="7"/>
      <c r="B688" t="s">
        <v>845</v>
      </c>
      <c r="C688" s="23"/>
      <c r="D688" s="7" t="s">
        <v>5032</v>
      </c>
      <c r="E688" s="1"/>
      <c r="F688" s="23" t="s">
        <v>2901</v>
      </c>
      <c r="G688"/>
      <c r="H688"/>
      <c r="I688"/>
      <c r="J688"/>
    </row>
    <row r="689" spans="1:10" x14ac:dyDescent="0.25">
      <c r="A689" s="7"/>
      <c r="B689" s="23"/>
      <c r="C689" t="s">
        <v>845</v>
      </c>
      <c r="D689" s="23" t="s">
        <v>2241</v>
      </c>
      <c r="E689" s="1" t="str">
        <f t="shared" ref="E689" si="147" xml:space="preserve"> HYPERLINK(CONCATENATE("http://www.sap.com/community/tag.html?id=",$F689))</f>
        <v>http://www.sap.com/community/tag.html?id=01200615320800000658</v>
      </c>
      <c r="F689" s="23" t="s">
        <v>2902</v>
      </c>
      <c r="G689"/>
      <c r="H689"/>
      <c r="I689"/>
      <c r="J689"/>
    </row>
    <row r="690" spans="1:10" x14ac:dyDescent="0.25">
      <c r="A690" s="7"/>
      <c r="B690" t="s">
        <v>821</v>
      </c>
      <c r="C690" s="23"/>
      <c r="D690" s="7" t="s">
        <v>5032</v>
      </c>
      <c r="E690" s="1"/>
      <c r="F690" s="23" t="s">
        <v>2903</v>
      </c>
      <c r="G690"/>
      <c r="H690"/>
      <c r="I690"/>
      <c r="J690"/>
    </row>
    <row r="691" spans="1:10" x14ac:dyDescent="0.25">
      <c r="A691" s="7"/>
      <c r="B691" s="23"/>
      <c r="C691" t="s">
        <v>821</v>
      </c>
      <c r="D691" s="23" t="s">
        <v>2241</v>
      </c>
      <c r="E691" s="1" t="str">
        <f t="shared" ref="E691" si="148" xml:space="preserve"> HYPERLINK(CONCATENATE("http://www.sap.com/community/tag.html?id=",$F691))</f>
        <v>http://www.sap.com/community/tag.html?id=01200615320800002517</v>
      </c>
      <c r="F691" s="23" t="s">
        <v>2904</v>
      </c>
      <c r="G691"/>
      <c r="H691"/>
      <c r="I691"/>
      <c r="J691"/>
    </row>
    <row r="692" spans="1:10" x14ac:dyDescent="0.25">
      <c r="A692" s="7"/>
      <c r="B692" t="s">
        <v>1250</v>
      </c>
      <c r="C692" s="23"/>
      <c r="D692" s="7" t="s">
        <v>5032</v>
      </c>
      <c r="E692" s="1"/>
      <c r="F692" s="23" t="s">
        <v>2905</v>
      </c>
      <c r="G692"/>
      <c r="H692"/>
      <c r="I692"/>
      <c r="J692"/>
    </row>
    <row r="693" spans="1:10" x14ac:dyDescent="0.25">
      <c r="A693" s="7"/>
      <c r="B693" s="23"/>
      <c r="C693" t="s">
        <v>1250</v>
      </c>
      <c r="D693" s="23" t="s">
        <v>2241</v>
      </c>
      <c r="E693" s="1" t="str">
        <f t="shared" ref="E693" si="149" xml:space="preserve"> HYPERLINK(CONCATENATE("http://www.sap.com/community/tag.html?id=",$F693))</f>
        <v>http://www.sap.com/community/tag.html?id=01200615320800000976</v>
      </c>
      <c r="F693" s="23" t="s">
        <v>2906</v>
      </c>
      <c r="G693"/>
      <c r="H693"/>
      <c r="I693"/>
      <c r="J693"/>
    </row>
    <row r="694" spans="1:10" x14ac:dyDescent="0.25">
      <c r="A694" s="7"/>
      <c r="B694" t="s">
        <v>1509</v>
      </c>
      <c r="C694" s="23"/>
      <c r="D694" s="7" t="s">
        <v>5032</v>
      </c>
      <c r="E694" s="1"/>
      <c r="F694" s="23" t="s">
        <v>2907</v>
      </c>
      <c r="G694"/>
      <c r="H694"/>
      <c r="I694"/>
      <c r="J694"/>
    </row>
    <row r="695" spans="1:10" x14ac:dyDescent="0.25">
      <c r="A695" s="7"/>
      <c r="B695" s="23"/>
      <c r="C695" t="s">
        <v>1509</v>
      </c>
      <c r="D695" s="23" t="s">
        <v>2241</v>
      </c>
      <c r="E695" s="1" t="str">
        <f t="shared" ref="E695" si="150" xml:space="preserve"> HYPERLINK(CONCATENATE("http://www.sap.com/community/tag.html?id=",$F695))</f>
        <v>http://www.sap.com/community/tag.html?id=01200615320800002037</v>
      </c>
      <c r="F695" s="23" t="s">
        <v>2908</v>
      </c>
      <c r="G695"/>
      <c r="H695"/>
      <c r="I695"/>
      <c r="J695"/>
    </row>
    <row r="696" spans="1:10" x14ac:dyDescent="0.25">
      <c r="A696" s="7"/>
      <c r="B696" t="s">
        <v>217</v>
      </c>
      <c r="C696" s="23"/>
      <c r="D696" s="7" t="s">
        <v>5032</v>
      </c>
      <c r="E696" s="1"/>
      <c r="F696" s="23" t="s">
        <v>2909</v>
      </c>
      <c r="G696"/>
      <c r="H696"/>
      <c r="I696"/>
      <c r="J696"/>
    </row>
    <row r="697" spans="1:10" x14ac:dyDescent="0.25">
      <c r="A697" s="7"/>
      <c r="B697" s="23"/>
      <c r="C697" t="s">
        <v>217</v>
      </c>
      <c r="D697" s="23" t="s">
        <v>2241</v>
      </c>
      <c r="E697" s="1" t="str">
        <f t="shared" ref="E697" si="151" xml:space="preserve"> HYPERLINK(CONCATENATE("http://www.sap.com/community/tag.html?id=",$F697))</f>
        <v>http://www.sap.com/community/tag.html?id=01200615320800002826</v>
      </c>
      <c r="F697" s="23" t="s">
        <v>2910</v>
      </c>
      <c r="G697"/>
      <c r="H697"/>
      <c r="I697"/>
      <c r="J697"/>
    </row>
    <row r="698" spans="1:10" x14ac:dyDescent="0.25">
      <c r="A698" s="7"/>
      <c r="B698" t="s">
        <v>1529</v>
      </c>
      <c r="C698" s="23"/>
      <c r="D698" s="7" t="s">
        <v>5032</v>
      </c>
      <c r="E698" s="1"/>
      <c r="F698" s="23" t="s">
        <v>2911</v>
      </c>
      <c r="G698"/>
      <c r="H698"/>
      <c r="I698"/>
      <c r="J698"/>
    </row>
    <row r="699" spans="1:10" x14ac:dyDescent="0.25">
      <c r="A699" s="7"/>
      <c r="B699"/>
      <c r="C699" s="23" t="s">
        <v>1529</v>
      </c>
      <c r="D699" s="23" t="s">
        <v>2241</v>
      </c>
      <c r="E699" s="1" t="str">
        <f t="shared" ref="E699" si="152" xml:space="preserve"> HYPERLINK(CONCATENATE("http://www.sap.com/community/tag.html?id=",$F699))</f>
        <v>http://www.sap.com/community/tag.html?id=01200314690800000238</v>
      </c>
      <c r="F699" s="23" t="s">
        <v>2912</v>
      </c>
      <c r="G699"/>
      <c r="H699"/>
      <c r="I699"/>
      <c r="J699"/>
    </row>
    <row r="700" spans="1:10" x14ac:dyDescent="0.25">
      <c r="A700" s="7"/>
      <c r="B700" s="23" t="s">
        <v>959</v>
      </c>
      <c r="C700"/>
      <c r="D700" s="7" t="s">
        <v>5032</v>
      </c>
      <c r="E700" s="1"/>
      <c r="F700" s="23" t="s">
        <v>2913</v>
      </c>
      <c r="G700"/>
      <c r="H700"/>
      <c r="I700"/>
      <c r="J700"/>
    </row>
    <row r="701" spans="1:10" x14ac:dyDescent="0.25">
      <c r="A701" s="7"/>
      <c r="B701"/>
      <c r="C701" s="23" t="s">
        <v>5</v>
      </c>
      <c r="D701" s="23" t="s">
        <v>2241</v>
      </c>
      <c r="E701" s="1" t="str">
        <f t="shared" ref="E701:E702" si="153" xml:space="preserve"> HYPERLINK(CONCATENATE("http://www.sap.com/community/tag.html?id=",$F701))</f>
        <v>http://www.sap.com/community/tag.html?id=67837800100800006708</v>
      </c>
      <c r="F701" s="23" t="s">
        <v>2914</v>
      </c>
      <c r="G701"/>
      <c r="H701"/>
      <c r="I701"/>
      <c r="J701"/>
    </row>
    <row r="702" spans="1:10" x14ac:dyDescent="0.25">
      <c r="A702" s="7"/>
      <c r="B702" s="23"/>
      <c r="C702" t="s">
        <v>259</v>
      </c>
      <c r="D702" s="23" t="s">
        <v>2241</v>
      </c>
      <c r="E702" s="1" t="str">
        <f t="shared" si="153"/>
        <v>http://www.sap.com/community/tag.html?id=67837800100800006709</v>
      </c>
      <c r="F702" s="23" t="s">
        <v>2915</v>
      </c>
      <c r="G702"/>
      <c r="H702"/>
      <c r="I702"/>
      <c r="J702"/>
    </row>
    <row r="703" spans="1:10" x14ac:dyDescent="0.25">
      <c r="A703" s="7"/>
      <c r="B703" t="s">
        <v>691</v>
      </c>
      <c r="C703" s="23"/>
      <c r="D703" s="7" t="s">
        <v>5032</v>
      </c>
      <c r="E703" s="1"/>
      <c r="F703" s="23" t="s">
        <v>2916</v>
      </c>
      <c r="G703"/>
      <c r="H703"/>
      <c r="I703"/>
      <c r="J703"/>
    </row>
    <row r="704" spans="1:10" x14ac:dyDescent="0.25">
      <c r="A704" s="7"/>
      <c r="B704" s="23"/>
      <c r="C704" t="s">
        <v>1087</v>
      </c>
      <c r="D704" s="23" t="s">
        <v>2241</v>
      </c>
      <c r="E704" s="1" t="str">
        <f t="shared" ref="E704" si="154" xml:space="preserve"> HYPERLINK(CONCATENATE("http://www.sap.com/community/tag.html?id=",$F704))</f>
        <v>http://www.sap.com/community/tag.html?id=01200615320800001694</v>
      </c>
      <c r="F704" s="23" t="s">
        <v>2917</v>
      </c>
      <c r="G704"/>
      <c r="H704"/>
      <c r="I704"/>
      <c r="J704"/>
    </row>
    <row r="705" spans="1:10" x14ac:dyDescent="0.25">
      <c r="A705" s="7"/>
      <c r="B705" t="s">
        <v>1436</v>
      </c>
      <c r="C705" s="23"/>
      <c r="D705" s="7" t="s">
        <v>5032</v>
      </c>
      <c r="E705" s="1"/>
      <c r="F705" s="23" t="s">
        <v>2918</v>
      </c>
      <c r="G705"/>
      <c r="H705"/>
      <c r="I705"/>
      <c r="J705"/>
    </row>
    <row r="706" spans="1:10" x14ac:dyDescent="0.25">
      <c r="A706" s="7"/>
      <c r="B706" s="23"/>
      <c r="C706" t="s">
        <v>682</v>
      </c>
      <c r="D706" s="23" t="s">
        <v>2241</v>
      </c>
      <c r="E706" s="1" t="str">
        <f t="shared" ref="E706" si="155" xml:space="preserve"> HYPERLINK(CONCATENATE("http://www.sap.com/community/tag.html?id=",$F706))</f>
        <v>http://www.sap.com/community/tag.html?id=01200615320800001746</v>
      </c>
      <c r="F706" s="23" t="s">
        <v>2919</v>
      </c>
      <c r="G706"/>
      <c r="H706"/>
      <c r="I706"/>
      <c r="J706"/>
    </row>
    <row r="707" spans="1:10" x14ac:dyDescent="0.25">
      <c r="A707" s="7"/>
      <c r="B707" t="s">
        <v>1823</v>
      </c>
      <c r="C707" s="23"/>
      <c r="D707" s="7" t="s">
        <v>5032</v>
      </c>
      <c r="E707" s="1"/>
      <c r="F707" s="23" t="s">
        <v>2920</v>
      </c>
      <c r="G707"/>
      <c r="H707"/>
      <c r="I707"/>
      <c r="J707"/>
    </row>
    <row r="708" spans="1:10" x14ac:dyDescent="0.25">
      <c r="A708" s="7"/>
      <c r="B708"/>
      <c r="C708" s="23" t="s">
        <v>1823</v>
      </c>
      <c r="D708" s="23" t="s">
        <v>2241</v>
      </c>
      <c r="E708" s="1" t="str">
        <f t="shared" ref="E708" si="156" xml:space="preserve"> HYPERLINK(CONCATENATE("http://www.sap.com/community/tag.html?id=",$F708))</f>
        <v>http://www.sap.com/community/tag.html?id=01200615320800001307</v>
      </c>
      <c r="F708" s="23" t="s">
        <v>2921</v>
      </c>
      <c r="G708"/>
      <c r="H708"/>
      <c r="I708"/>
      <c r="J708"/>
    </row>
    <row r="709" spans="1:10" x14ac:dyDescent="0.25">
      <c r="A709" s="7"/>
      <c r="B709" t="s">
        <v>2197</v>
      </c>
      <c r="C709" s="23"/>
      <c r="D709" s="7" t="s">
        <v>5032</v>
      </c>
      <c r="E709" s="1"/>
      <c r="F709" s="23" t="s">
        <v>2922</v>
      </c>
      <c r="G709"/>
      <c r="H709"/>
      <c r="I709"/>
      <c r="J709"/>
    </row>
    <row r="710" spans="1:10" x14ac:dyDescent="0.25">
      <c r="A710" s="7"/>
      <c r="B710"/>
      <c r="C710" s="23" t="s">
        <v>30</v>
      </c>
      <c r="D710" s="23" t="s">
        <v>2241</v>
      </c>
      <c r="E710" s="1" t="str">
        <f t="shared" ref="E710:E747" si="157" xml:space="preserve"> HYPERLINK(CONCATENATE("http://www.sap.com/community/tag.html?id=",$F710))</f>
        <v>http://www.sap.com/community/tag.html?id=01200314690800000622</v>
      </c>
      <c r="F710" s="23" t="s">
        <v>2923</v>
      </c>
      <c r="G710"/>
      <c r="H710"/>
      <c r="I710"/>
      <c r="J710"/>
    </row>
    <row r="711" spans="1:10" x14ac:dyDescent="0.25">
      <c r="A711" s="7"/>
      <c r="B711"/>
      <c r="C711" s="23" t="s">
        <v>827</v>
      </c>
      <c r="D711" s="23" t="s">
        <v>2241</v>
      </c>
      <c r="E711" s="1" t="str">
        <f t="shared" si="157"/>
        <v>http://www.sap.com/community/tag.html?id=01200615320800002524</v>
      </c>
      <c r="F711" s="23" t="s">
        <v>2924</v>
      </c>
      <c r="G711"/>
      <c r="H711"/>
      <c r="I711"/>
      <c r="J711"/>
    </row>
    <row r="712" spans="1:10" x14ac:dyDescent="0.25">
      <c r="A712" s="7"/>
      <c r="B712"/>
      <c r="C712" s="23" t="s">
        <v>786</v>
      </c>
      <c r="D712" s="23" t="s">
        <v>2241</v>
      </c>
      <c r="E712" s="1" t="str">
        <f t="shared" si="157"/>
        <v>http://www.sap.com/community/tag.html?id=01200314690800000621</v>
      </c>
      <c r="F712" s="23" t="s">
        <v>2925</v>
      </c>
      <c r="G712"/>
      <c r="H712"/>
      <c r="I712"/>
      <c r="J712"/>
    </row>
    <row r="713" spans="1:10" x14ac:dyDescent="0.25">
      <c r="A713" s="7"/>
      <c r="B713"/>
      <c r="C713" s="23" t="s">
        <v>635</v>
      </c>
      <c r="D713" s="23" t="s">
        <v>2241</v>
      </c>
      <c r="E713" s="1" t="str">
        <f t="shared" si="157"/>
        <v>http://www.sap.com/community/tag.html?id=01200314690800000896</v>
      </c>
      <c r="F713" s="23" t="s">
        <v>2926</v>
      </c>
      <c r="G713"/>
      <c r="H713"/>
      <c r="I713"/>
      <c r="J713"/>
    </row>
    <row r="714" spans="1:10" x14ac:dyDescent="0.25">
      <c r="A714" s="7"/>
      <c r="B714"/>
      <c r="C714" s="23" t="s">
        <v>18</v>
      </c>
      <c r="D714" s="23" t="s">
        <v>2241</v>
      </c>
      <c r="E714" s="1" t="str">
        <f t="shared" si="157"/>
        <v>http://www.sap.com/community/tag.html?id=01200314690800000895</v>
      </c>
      <c r="F714" s="23" t="s">
        <v>2927</v>
      </c>
      <c r="G714"/>
      <c r="H714"/>
      <c r="I714"/>
      <c r="J714"/>
    </row>
    <row r="715" spans="1:10" x14ac:dyDescent="0.25">
      <c r="A715" s="7"/>
      <c r="B715"/>
      <c r="C715" s="23" t="s">
        <v>1131</v>
      </c>
      <c r="D715" s="23" t="s">
        <v>2241</v>
      </c>
      <c r="E715" s="1" t="str">
        <f t="shared" si="157"/>
        <v>http://www.sap.com/community/tag.html?id=01200615320800002029</v>
      </c>
      <c r="F715" s="23" t="s">
        <v>2928</v>
      </c>
      <c r="G715"/>
      <c r="H715"/>
      <c r="I715"/>
      <c r="J715"/>
    </row>
    <row r="716" spans="1:10" x14ac:dyDescent="0.25">
      <c r="A716" s="7"/>
      <c r="B716"/>
      <c r="C716" s="23" t="s">
        <v>1327</v>
      </c>
      <c r="D716" s="23" t="s">
        <v>2241</v>
      </c>
      <c r="E716" s="1" t="str">
        <f t="shared" si="157"/>
        <v>http://www.sap.com/community/tag.html?id=01200615320800002030</v>
      </c>
      <c r="F716" s="23" t="s">
        <v>2929</v>
      </c>
      <c r="G716"/>
      <c r="H716"/>
      <c r="I716"/>
      <c r="J716"/>
    </row>
    <row r="717" spans="1:10" x14ac:dyDescent="0.25">
      <c r="A717" s="7"/>
      <c r="B717"/>
      <c r="C717" s="23" t="s">
        <v>1494</v>
      </c>
      <c r="D717" s="23" t="s">
        <v>2241</v>
      </c>
      <c r="E717" s="1" t="str">
        <f t="shared" si="157"/>
        <v>http://www.sap.com/community/tag.html?id=01200314690800000619</v>
      </c>
      <c r="F717" s="23" t="s">
        <v>2930</v>
      </c>
      <c r="G717"/>
      <c r="H717"/>
      <c r="I717"/>
      <c r="J717"/>
    </row>
    <row r="718" spans="1:10" x14ac:dyDescent="0.25">
      <c r="A718" s="7"/>
      <c r="B718"/>
      <c r="C718" s="23" t="s">
        <v>586</v>
      </c>
      <c r="D718" s="23" t="s">
        <v>2241</v>
      </c>
      <c r="E718" s="1" t="str">
        <f t="shared" si="157"/>
        <v>http://www.sap.com/community/tag.html?id=01200314690800000618</v>
      </c>
      <c r="F718" s="23" t="s">
        <v>2931</v>
      </c>
      <c r="G718"/>
      <c r="H718"/>
      <c r="I718"/>
      <c r="J718"/>
    </row>
    <row r="719" spans="1:10" x14ac:dyDescent="0.25">
      <c r="A719" s="7"/>
      <c r="B719"/>
      <c r="C719" s="23" t="s">
        <v>875</v>
      </c>
      <c r="D719" s="23" t="s">
        <v>2241</v>
      </c>
      <c r="E719" s="1" t="str">
        <f t="shared" si="157"/>
        <v>http://www.sap.com/community/tag.html?id=01200314690800000858</v>
      </c>
      <c r="F719" s="23" t="s">
        <v>2932</v>
      </c>
      <c r="G719"/>
      <c r="H719"/>
      <c r="I719"/>
      <c r="J719"/>
    </row>
    <row r="720" spans="1:10" x14ac:dyDescent="0.25">
      <c r="A720" s="7"/>
      <c r="B720"/>
      <c r="C720" s="23" t="s">
        <v>2115</v>
      </c>
      <c r="D720" s="23" t="s">
        <v>2241</v>
      </c>
      <c r="E720" s="1" t="str">
        <f t="shared" si="157"/>
        <v>http://www.sap.com/community/tag.html?id=01200314690800000859</v>
      </c>
      <c r="F720" s="23" t="s">
        <v>2933</v>
      </c>
      <c r="G720"/>
      <c r="H720"/>
      <c r="I720"/>
      <c r="J720"/>
    </row>
    <row r="721" spans="1:10" x14ac:dyDescent="0.25">
      <c r="A721" s="7"/>
      <c r="B721"/>
      <c r="C721" s="23" t="s">
        <v>718</v>
      </c>
      <c r="D721" s="23" t="s">
        <v>2241</v>
      </c>
      <c r="E721" s="1" t="str">
        <f t="shared" si="157"/>
        <v>http://www.sap.com/community/tag.html?id=01200314690800000860</v>
      </c>
      <c r="F721" s="23" t="s">
        <v>2934</v>
      </c>
      <c r="G721"/>
      <c r="H721"/>
      <c r="I721"/>
      <c r="J721"/>
    </row>
    <row r="722" spans="1:10" x14ac:dyDescent="0.25">
      <c r="A722" s="7"/>
      <c r="B722"/>
      <c r="C722" s="23" t="s">
        <v>1086</v>
      </c>
      <c r="D722" s="23" t="s">
        <v>2241</v>
      </c>
      <c r="E722" s="1" t="str">
        <f t="shared" si="157"/>
        <v>http://www.sap.com/community/tag.html?id=01200314690800000862</v>
      </c>
      <c r="F722" s="23" t="s">
        <v>2935</v>
      </c>
      <c r="G722"/>
      <c r="H722"/>
      <c r="I722"/>
      <c r="J722"/>
    </row>
    <row r="723" spans="1:10" x14ac:dyDescent="0.25">
      <c r="A723" s="7"/>
      <c r="B723"/>
      <c r="C723" s="23" t="s">
        <v>698</v>
      </c>
      <c r="D723" s="23" t="s">
        <v>2241</v>
      </c>
      <c r="E723" s="1" t="str">
        <f t="shared" si="157"/>
        <v>http://www.sap.com/community/tag.html?id=01200314690800000865</v>
      </c>
      <c r="F723" s="23" t="s">
        <v>2936</v>
      </c>
      <c r="G723"/>
      <c r="H723"/>
      <c r="I723"/>
      <c r="J723"/>
    </row>
    <row r="724" spans="1:10" x14ac:dyDescent="0.25">
      <c r="A724" s="7"/>
      <c r="B724"/>
      <c r="C724" s="23" t="s">
        <v>2074</v>
      </c>
      <c r="D724" s="23" t="s">
        <v>2241</v>
      </c>
      <c r="E724" s="1" t="str">
        <f t="shared" si="157"/>
        <v>http://www.sap.com/community/tag.html?id=01200314690800000866</v>
      </c>
      <c r="F724" s="23" t="s">
        <v>2937</v>
      </c>
      <c r="G724"/>
      <c r="H724"/>
      <c r="I724"/>
      <c r="J724"/>
    </row>
    <row r="725" spans="1:10" x14ac:dyDescent="0.25">
      <c r="A725" s="7"/>
      <c r="B725"/>
      <c r="C725" s="23" t="s">
        <v>1776</v>
      </c>
      <c r="D725" s="23" t="s">
        <v>2241</v>
      </c>
      <c r="E725" s="1" t="str">
        <f t="shared" si="157"/>
        <v>http://www.sap.com/community/tag.html?id=01200314690800000878</v>
      </c>
      <c r="F725" s="23" t="s">
        <v>2938</v>
      </c>
      <c r="G725"/>
      <c r="H725"/>
      <c r="I725"/>
      <c r="J725"/>
    </row>
    <row r="726" spans="1:10" x14ac:dyDescent="0.25">
      <c r="A726" s="7"/>
      <c r="B726"/>
      <c r="C726" s="23" t="s">
        <v>243</v>
      </c>
      <c r="D726" s="23" t="s">
        <v>2241</v>
      </c>
      <c r="E726" s="1" t="str">
        <f t="shared" si="157"/>
        <v>http://www.sap.com/community/tag.html?id=01200314690800000879</v>
      </c>
      <c r="F726" s="23" t="s">
        <v>2939</v>
      </c>
      <c r="G726"/>
      <c r="H726"/>
      <c r="I726"/>
      <c r="J726"/>
    </row>
    <row r="727" spans="1:10" x14ac:dyDescent="0.25">
      <c r="A727" s="7"/>
      <c r="B727"/>
      <c r="C727" s="23" t="s">
        <v>577</v>
      </c>
      <c r="D727" s="23" t="s">
        <v>2241</v>
      </c>
      <c r="E727" s="1" t="str">
        <f t="shared" si="157"/>
        <v>http://www.sap.com/community/tag.html?id=01200314690800000864</v>
      </c>
      <c r="F727" s="23" t="s">
        <v>2940</v>
      </c>
      <c r="G727"/>
      <c r="H727"/>
      <c r="I727"/>
      <c r="J727"/>
    </row>
    <row r="728" spans="1:10" x14ac:dyDescent="0.25">
      <c r="A728" s="7"/>
      <c r="B728"/>
      <c r="C728" s="23" t="s">
        <v>1599</v>
      </c>
      <c r="D728" s="23" t="s">
        <v>2241</v>
      </c>
      <c r="E728" s="1" t="str">
        <f t="shared" si="157"/>
        <v>http://www.sap.com/community/tag.html?id=01200314690800000880</v>
      </c>
      <c r="F728" s="23" t="s">
        <v>2941</v>
      </c>
      <c r="G728"/>
      <c r="H728"/>
      <c r="I728"/>
      <c r="J728"/>
    </row>
    <row r="729" spans="1:10" x14ac:dyDescent="0.25">
      <c r="A729" s="7"/>
      <c r="B729"/>
      <c r="C729" s="23" t="s">
        <v>2143</v>
      </c>
      <c r="D729" s="23" t="s">
        <v>2241</v>
      </c>
      <c r="E729" s="1" t="str">
        <f t="shared" si="157"/>
        <v>http://www.sap.com/community/tag.html?id=01200314690800000881</v>
      </c>
      <c r="F729" s="23" t="s">
        <v>2942</v>
      </c>
      <c r="G729"/>
      <c r="H729"/>
      <c r="I729"/>
      <c r="J729"/>
    </row>
    <row r="730" spans="1:10" x14ac:dyDescent="0.25">
      <c r="A730" s="7"/>
      <c r="B730"/>
      <c r="C730" s="23" t="s">
        <v>1057</v>
      </c>
      <c r="D730" s="23" t="s">
        <v>2241</v>
      </c>
      <c r="E730" s="1" t="str">
        <f t="shared" si="157"/>
        <v>http://www.sap.com/community/tag.html?id=01200314690800000882</v>
      </c>
      <c r="F730" s="23" t="s">
        <v>2943</v>
      </c>
      <c r="G730"/>
      <c r="H730"/>
      <c r="I730"/>
      <c r="J730"/>
    </row>
    <row r="731" spans="1:10" x14ac:dyDescent="0.25">
      <c r="A731" s="7"/>
      <c r="B731"/>
      <c r="C731" s="23" t="s">
        <v>933</v>
      </c>
      <c r="D731" s="23" t="s">
        <v>2241</v>
      </c>
      <c r="E731" s="1" t="str">
        <f t="shared" si="157"/>
        <v>http://www.sap.com/community/tag.html?id=01200314690800000883</v>
      </c>
      <c r="F731" s="23" t="s">
        <v>2944</v>
      </c>
      <c r="G731"/>
      <c r="H731"/>
      <c r="I731"/>
      <c r="J731"/>
    </row>
    <row r="732" spans="1:10" x14ac:dyDescent="0.25">
      <c r="A732" s="7"/>
      <c r="B732"/>
      <c r="C732" s="23" t="s">
        <v>1701</v>
      </c>
      <c r="D732" s="23" t="s">
        <v>2241</v>
      </c>
      <c r="E732" s="1" t="str">
        <f t="shared" si="157"/>
        <v>http://www.sap.com/community/tag.html?id=01200314690800000886</v>
      </c>
      <c r="F732" s="23" t="s">
        <v>2945</v>
      </c>
      <c r="G732"/>
      <c r="H732"/>
      <c r="I732"/>
      <c r="J732"/>
    </row>
    <row r="733" spans="1:10" x14ac:dyDescent="0.25">
      <c r="A733" s="7"/>
      <c r="B733"/>
      <c r="C733" s="23" t="s">
        <v>757</v>
      </c>
      <c r="D733" s="23" t="s">
        <v>2241</v>
      </c>
      <c r="E733" s="1" t="str">
        <f t="shared" si="157"/>
        <v>http://www.sap.com/community/tag.html?id=01200314690800000884</v>
      </c>
      <c r="F733" s="23" t="s">
        <v>2946</v>
      </c>
      <c r="G733"/>
      <c r="H733"/>
      <c r="I733"/>
      <c r="J733"/>
    </row>
    <row r="734" spans="1:10" x14ac:dyDescent="0.25">
      <c r="A734" s="7"/>
      <c r="B734"/>
      <c r="C734" s="23" t="s">
        <v>1727</v>
      </c>
      <c r="D734" s="23" t="s">
        <v>2241</v>
      </c>
      <c r="E734" s="1" t="str">
        <f t="shared" si="157"/>
        <v>http://www.sap.com/community/tag.html?id=01200314690800000885</v>
      </c>
      <c r="F734" s="23" t="s">
        <v>2947</v>
      </c>
      <c r="G734"/>
      <c r="H734"/>
      <c r="I734"/>
      <c r="J734"/>
    </row>
    <row r="735" spans="1:10" x14ac:dyDescent="0.25">
      <c r="A735" s="7"/>
      <c r="B735"/>
      <c r="C735" s="23" t="s">
        <v>2184</v>
      </c>
      <c r="D735" s="23" t="s">
        <v>2241</v>
      </c>
      <c r="E735" s="1" t="str">
        <f t="shared" si="157"/>
        <v>http://www.sap.com/community/tag.html?id=01200314690800000888</v>
      </c>
      <c r="F735" s="23" t="s">
        <v>2948</v>
      </c>
      <c r="G735"/>
      <c r="H735"/>
      <c r="I735"/>
      <c r="J735"/>
    </row>
    <row r="736" spans="1:10" x14ac:dyDescent="0.25">
      <c r="A736" s="7"/>
      <c r="B736"/>
      <c r="C736" s="23" t="s">
        <v>1376</v>
      </c>
      <c r="D736" s="23" t="s">
        <v>2241</v>
      </c>
      <c r="E736" s="1" t="str">
        <f t="shared" si="157"/>
        <v>http://www.sap.com/community/tag.html?id=01200314690800000889</v>
      </c>
      <c r="F736" s="23" t="s">
        <v>2949</v>
      </c>
      <c r="G736"/>
      <c r="H736"/>
      <c r="I736"/>
      <c r="J736"/>
    </row>
    <row r="737" spans="1:10" x14ac:dyDescent="0.25">
      <c r="A737" s="7"/>
      <c r="B737"/>
      <c r="C737" s="23" t="s">
        <v>554</v>
      </c>
      <c r="D737" s="23" t="s">
        <v>2241</v>
      </c>
      <c r="E737" s="1" t="str">
        <f t="shared" si="157"/>
        <v>http://www.sap.com/community/tag.html?id=01200314690800000890</v>
      </c>
      <c r="F737" s="23" t="s">
        <v>2950</v>
      </c>
      <c r="G737"/>
      <c r="H737"/>
      <c r="I737"/>
      <c r="J737"/>
    </row>
    <row r="738" spans="1:10" x14ac:dyDescent="0.25">
      <c r="A738" s="7"/>
      <c r="B738"/>
      <c r="C738" s="23" t="s">
        <v>1162</v>
      </c>
      <c r="D738" s="23" t="s">
        <v>2241</v>
      </c>
      <c r="E738" s="1" t="str">
        <f t="shared" si="157"/>
        <v>http://www.sap.com/community/tag.html?id=01200314690800000891</v>
      </c>
      <c r="F738" s="23" t="s">
        <v>2951</v>
      </c>
      <c r="G738"/>
      <c r="H738"/>
      <c r="I738"/>
      <c r="J738"/>
    </row>
    <row r="739" spans="1:10" x14ac:dyDescent="0.25">
      <c r="A739" s="7"/>
      <c r="B739"/>
      <c r="C739" s="23" t="s">
        <v>1986</v>
      </c>
      <c r="D739" s="23" t="s">
        <v>2241</v>
      </c>
      <c r="E739" s="1" t="str">
        <f t="shared" si="157"/>
        <v>http://www.sap.com/community/tag.html?id=01200314690800000893</v>
      </c>
      <c r="F739" s="23" t="s">
        <v>2952</v>
      </c>
      <c r="G739"/>
      <c r="H739"/>
      <c r="I739"/>
      <c r="J739"/>
    </row>
    <row r="740" spans="1:10" x14ac:dyDescent="0.25">
      <c r="A740" s="7"/>
      <c r="B740"/>
      <c r="C740" s="23" t="s">
        <v>1675</v>
      </c>
      <c r="D740" s="23" t="s">
        <v>2241</v>
      </c>
      <c r="E740" s="1" t="str">
        <f t="shared" si="157"/>
        <v>http://www.sap.com/community/tag.html?id=01200314690800000877</v>
      </c>
      <c r="F740" s="23" t="s">
        <v>2953</v>
      </c>
      <c r="G740"/>
      <c r="H740"/>
      <c r="I740"/>
      <c r="J740"/>
    </row>
    <row r="741" spans="1:10" x14ac:dyDescent="0.25">
      <c r="A741" s="7"/>
      <c r="B741"/>
      <c r="C741" s="23" t="s">
        <v>222</v>
      </c>
      <c r="D741" s="23" t="s">
        <v>2241</v>
      </c>
      <c r="E741" s="1" t="str">
        <f t="shared" si="157"/>
        <v>http://www.sap.com/community/tag.html?id=01200314690800000892</v>
      </c>
      <c r="F741" s="23" t="s">
        <v>2954</v>
      </c>
      <c r="G741"/>
      <c r="H741"/>
      <c r="I741"/>
      <c r="J741"/>
    </row>
    <row r="742" spans="1:10" x14ac:dyDescent="0.25">
      <c r="A742" s="7"/>
      <c r="B742"/>
      <c r="C742" s="23" t="s">
        <v>1919</v>
      </c>
      <c r="D742" s="23" t="s">
        <v>2241</v>
      </c>
      <c r="E742" s="1" t="str">
        <f t="shared" si="157"/>
        <v>http://www.sap.com/community/tag.html?id=01200314690800000861</v>
      </c>
      <c r="F742" s="23" t="s">
        <v>2955</v>
      </c>
      <c r="G742"/>
      <c r="H742"/>
      <c r="I742"/>
      <c r="J742"/>
    </row>
    <row r="743" spans="1:10" x14ac:dyDescent="0.25">
      <c r="A743" s="7"/>
      <c r="B743"/>
      <c r="C743" s="23" t="s">
        <v>413</v>
      </c>
      <c r="D743" s="23" t="s">
        <v>2241</v>
      </c>
      <c r="E743" s="1" t="str">
        <f t="shared" si="157"/>
        <v>http://www.sap.com/community/tag.html?id=01200314690800000887</v>
      </c>
      <c r="F743" s="23" t="s">
        <v>2956</v>
      </c>
      <c r="G743"/>
      <c r="H743"/>
      <c r="I743"/>
      <c r="J743"/>
    </row>
    <row r="744" spans="1:10" x14ac:dyDescent="0.25">
      <c r="A744" s="7"/>
      <c r="B744"/>
      <c r="C744" s="23" t="s">
        <v>1357</v>
      </c>
      <c r="D744" s="23" t="s">
        <v>2241</v>
      </c>
      <c r="E744" s="1" t="str">
        <f t="shared" si="157"/>
        <v>http://www.sap.com/community/tag.html?id=01200314690800000894</v>
      </c>
      <c r="F744" s="23" t="s">
        <v>2957</v>
      </c>
      <c r="G744"/>
      <c r="H744"/>
      <c r="I744"/>
      <c r="J744"/>
    </row>
    <row r="745" spans="1:10" x14ac:dyDescent="0.25">
      <c r="A745" s="7"/>
      <c r="B745" s="23"/>
      <c r="C745" t="s">
        <v>929</v>
      </c>
      <c r="D745" s="23" t="s">
        <v>2241</v>
      </c>
      <c r="E745" s="1" t="str">
        <f t="shared" si="157"/>
        <v>http://www.sap.com/community/tag.html?id=01200314690800000620</v>
      </c>
      <c r="F745" s="23" t="s">
        <v>2958</v>
      </c>
      <c r="G745"/>
      <c r="H745"/>
      <c r="I745"/>
      <c r="J745"/>
    </row>
    <row r="746" spans="1:10" x14ac:dyDescent="0.25">
      <c r="A746" s="7"/>
      <c r="B746"/>
      <c r="C746" s="23" t="s">
        <v>435</v>
      </c>
      <c r="D746" s="23" t="s">
        <v>2241</v>
      </c>
      <c r="E746" s="1" t="str">
        <f t="shared" si="157"/>
        <v>http://www.sap.com/community/tag.html?id=01200615320800002019</v>
      </c>
      <c r="F746" s="23" t="s">
        <v>2959</v>
      </c>
      <c r="G746"/>
      <c r="H746"/>
      <c r="I746"/>
      <c r="J746"/>
    </row>
    <row r="747" spans="1:10" x14ac:dyDescent="0.25">
      <c r="A747" s="7"/>
      <c r="B747" s="23"/>
      <c r="C747" t="s">
        <v>1601</v>
      </c>
      <c r="D747" s="23" t="s">
        <v>2241</v>
      </c>
      <c r="E747" s="1" t="str">
        <f t="shared" si="157"/>
        <v>http://www.sap.com/community/tag.html?id=67837800100800006972</v>
      </c>
      <c r="F747" s="23" t="s">
        <v>2960</v>
      </c>
      <c r="G747"/>
      <c r="H747"/>
      <c r="I747"/>
      <c r="J747"/>
    </row>
    <row r="748" spans="1:10" x14ac:dyDescent="0.25">
      <c r="A748" s="7"/>
      <c r="B748" t="s">
        <v>517</v>
      </c>
      <c r="C748" s="23"/>
      <c r="D748" s="7" t="s">
        <v>5032</v>
      </c>
      <c r="E748" s="1"/>
      <c r="F748" s="23" t="s">
        <v>2961</v>
      </c>
      <c r="G748"/>
      <c r="H748"/>
      <c r="I748"/>
      <c r="J748"/>
    </row>
    <row r="749" spans="1:10" x14ac:dyDescent="0.25">
      <c r="A749" s="7"/>
      <c r="B749" s="23"/>
      <c r="C749" t="s">
        <v>517</v>
      </c>
      <c r="D749" s="23" t="s">
        <v>2241</v>
      </c>
      <c r="E749" s="1" t="str">
        <f t="shared" ref="E749" si="158" xml:space="preserve"> HYPERLINK(CONCATENATE("http://www.sap.com/community/tag.html?id=",$F749))</f>
        <v>http://www.sap.com/community/tag.html?id=01200314690800000135</v>
      </c>
      <c r="F749" s="23" t="s">
        <v>2962</v>
      </c>
      <c r="G749"/>
      <c r="H749"/>
      <c r="I749"/>
      <c r="J749"/>
    </row>
    <row r="750" spans="1:10" x14ac:dyDescent="0.25">
      <c r="A750" s="7"/>
      <c r="B750" t="s">
        <v>934</v>
      </c>
      <c r="C750" s="23"/>
      <c r="D750" s="7" t="s">
        <v>5032</v>
      </c>
      <c r="E750" s="1"/>
      <c r="F750" s="23" t="s">
        <v>2963</v>
      </c>
      <c r="G750"/>
      <c r="H750"/>
      <c r="I750"/>
      <c r="J750"/>
    </row>
    <row r="751" spans="1:10" x14ac:dyDescent="0.25">
      <c r="A751" s="7"/>
      <c r="B751" s="23"/>
      <c r="C751" t="s">
        <v>934</v>
      </c>
      <c r="D751" s="23" t="s">
        <v>2241</v>
      </c>
      <c r="E751" s="1" t="str">
        <f t="shared" ref="E751" si="159" xml:space="preserve"> HYPERLINK(CONCATENATE("http://www.sap.com/community/tag.html?id=",$F751))</f>
        <v>http://www.sap.com/community/tag.html?id=73555000100800000439</v>
      </c>
      <c r="F751" s="23" t="s">
        <v>2964</v>
      </c>
      <c r="G751"/>
      <c r="H751"/>
      <c r="I751"/>
      <c r="J751"/>
    </row>
    <row r="752" spans="1:10" x14ac:dyDescent="0.25">
      <c r="A752" s="7"/>
      <c r="B752" t="s">
        <v>5421</v>
      </c>
      <c r="C752" s="23"/>
      <c r="D752" s="7" t="s">
        <v>5032</v>
      </c>
      <c r="E752" s="1"/>
      <c r="F752" s="23" t="s">
        <v>5420</v>
      </c>
      <c r="G752"/>
      <c r="H752"/>
      <c r="I752"/>
      <c r="J752"/>
    </row>
    <row r="753" spans="1:10" x14ac:dyDescent="0.25">
      <c r="A753" s="7"/>
      <c r="B753"/>
      <c r="C753" s="23" t="s">
        <v>5421</v>
      </c>
      <c r="D753" s="23" t="s">
        <v>2241</v>
      </c>
      <c r="E753" s="1" t="str">
        <f t="shared" ref="E753" si="160" xml:space="preserve"> HYPERLINK(CONCATENATE("http://www.sap.com/community/tag.html?id=",$F753))</f>
        <v>http://www.sap.com/community/tag.html?id=73554900100800000998</v>
      </c>
      <c r="F753" s="23" t="s">
        <v>5422</v>
      </c>
      <c r="G753"/>
      <c r="H753"/>
      <c r="I753"/>
      <c r="J753"/>
    </row>
    <row r="754" spans="1:10" x14ac:dyDescent="0.25">
      <c r="A754" s="7"/>
      <c r="B754" t="s">
        <v>1536</v>
      </c>
      <c r="C754" s="23"/>
      <c r="D754" s="7" t="s">
        <v>5032</v>
      </c>
      <c r="E754" s="1"/>
      <c r="F754" s="23" t="s">
        <v>2965</v>
      </c>
      <c r="G754"/>
      <c r="H754"/>
      <c r="I754"/>
      <c r="J754"/>
    </row>
    <row r="755" spans="1:10" x14ac:dyDescent="0.25">
      <c r="A755" s="7"/>
      <c r="B755"/>
      <c r="C755" s="23" t="s">
        <v>1536</v>
      </c>
      <c r="D755" s="23" t="s">
        <v>2241</v>
      </c>
      <c r="E755" s="1" t="str">
        <f t="shared" ref="E755" si="161" xml:space="preserve"> HYPERLINK(CONCATENATE("http://www.sap.com/community/tag.html?id=",$F755))</f>
        <v>http://www.sap.com/community/tag.html?id=67837800100800005079</v>
      </c>
      <c r="F755" s="23" t="s">
        <v>2966</v>
      </c>
      <c r="G755"/>
      <c r="H755"/>
      <c r="I755"/>
      <c r="J755"/>
    </row>
    <row r="756" spans="1:10" x14ac:dyDescent="0.25">
      <c r="A756" s="7"/>
      <c r="B756" t="s">
        <v>422</v>
      </c>
      <c r="C756" s="23"/>
      <c r="D756" s="7" t="s">
        <v>5032</v>
      </c>
      <c r="E756" s="1"/>
      <c r="F756" s="23" t="s">
        <v>2967</v>
      </c>
      <c r="G756"/>
      <c r="H756"/>
      <c r="I756"/>
      <c r="J756"/>
    </row>
    <row r="757" spans="1:10" x14ac:dyDescent="0.25">
      <c r="A757" s="7"/>
      <c r="B757"/>
      <c r="C757" s="23" t="s">
        <v>422</v>
      </c>
      <c r="D757" s="23" t="s">
        <v>2241</v>
      </c>
      <c r="E757" s="1" t="str">
        <f t="shared" ref="E757:E767" si="162" xml:space="preserve"> HYPERLINK(CONCATENATE("http://www.sap.com/community/tag.html?id=",$F757))</f>
        <v>http://www.sap.com/community/tag.html?id=67837800100800005166</v>
      </c>
      <c r="F757" s="23" t="s">
        <v>2968</v>
      </c>
      <c r="G757"/>
      <c r="H757"/>
      <c r="I757"/>
      <c r="J757"/>
    </row>
    <row r="758" spans="1:10" x14ac:dyDescent="0.25">
      <c r="A758" s="7"/>
      <c r="B758"/>
      <c r="C758" s="23" t="s">
        <v>2206</v>
      </c>
      <c r="D758" s="23" t="s">
        <v>2241</v>
      </c>
      <c r="E758" s="1" t="str">
        <f t="shared" si="162"/>
        <v>http://www.sap.com/community/tag.html?id=73554900100800000032</v>
      </c>
      <c r="F758" s="23" t="s">
        <v>2969</v>
      </c>
      <c r="G758"/>
      <c r="H758"/>
      <c r="I758"/>
      <c r="J758"/>
    </row>
    <row r="759" spans="1:10" x14ac:dyDescent="0.25">
      <c r="A759" s="7"/>
      <c r="B759"/>
      <c r="C759" s="23" t="s">
        <v>1578</v>
      </c>
      <c r="D759" s="23" t="s">
        <v>2241</v>
      </c>
      <c r="E759" s="1" t="str">
        <f t="shared" si="162"/>
        <v>http://www.sap.com/community/tag.html?id=73554900100800000022</v>
      </c>
      <c r="F759" s="23" t="s">
        <v>2970</v>
      </c>
      <c r="G759"/>
      <c r="H759"/>
      <c r="I759"/>
      <c r="J759"/>
    </row>
    <row r="760" spans="1:10" x14ac:dyDescent="0.25">
      <c r="A760" s="7"/>
      <c r="B760"/>
      <c r="C760" s="23" t="s">
        <v>5378</v>
      </c>
      <c r="D760" s="23" t="s">
        <v>2241</v>
      </c>
      <c r="E760" s="1" t="str">
        <f t="shared" si="162"/>
        <v>http://www.sap.com/community/tag.html?id=67838200100800006568</v>
      </c>
      <c r="F760" s="23" t="s">
        <v>2978</v>
      </c>
      <c r="G760"/>
      <c r="H760"/>
      <c r="I760"/>
      <c r="J760"/>
    </row>
    <row r="761" spans="1:10" x14ac:dyDescent="0.25">
      <c r="A761" s="7"/>
      <c r="B761"/>
      <c r="C761" s="23" t="s">
        <v>1029</v>
      </c>
      <c r="D761" s="23" t="s">
        <v>2241</v>
      </c>
      <c r="E761" s="1" t="str">
        <f t="shared" si="162"/>
        <v>http://www.sap.com/community/tag.html?id=67837800100800006412</v>
      </c>
      <c r="F761" s="23" t="s">
        <v>2971</v>
      </c>
      <c r="G761"/>
      <c r="H761"/>
      <c r="I761"/>
      <c r="J761"/>
    </row>
    <row r="762" spans="1:10" x14ac:dyDescent="0.25">
      <c r="A762" s="7"/>
      <c r="B762"/>
      <c r="C762" s="23" t="s">
        <v>1577</v>
      </c>
      <c r="D762" s="23" t="s">
        <v>2241</v>
      </c>
      <c r="E762" s="1" t="str">
        <f t="shared" si="162"/>
        <v>http://www.sap.com/community/tag.html?id=67837800100800005831</v>
      </c>
      <c r="F762" s="23" t="s">
        <v>2972</v>
      </c>
      <c r="G762"/>
      <c r="H762"/>
      <c r="I762"/>
      <c r="J762"/>
    </row>
    <row r="763" spans="1:10" x14ac:dyDescent="0.25">
      <c r="A763" s="7"/>
      <c r="B763" s="23"/>
      <c r="C763" t="s">
        <v>2169</v>
      </c>
      <c r="D763" s="23" t="s">
        <v>2241</v>
      </c>
      <c r="E763" s="1" t="str">
        <f t="shared" si="162"/>
        <v>http://www.sap.com/community/tag.html?id=67837800100800005700</v>
      </c>
      <c r="F763" s="23" t="s">
        <v>2973</v>
      </c>
      <c r="G763"/>
      <c r="H763"/>
      <c r="I763"/>
      <c r="J763"/>
    </row>
    <row r="764" spans="1:10" x14ac:dyDescent="0.25">
      <c r="A764" s="7"/>
      <c r="B764"/>
      <c r="C764" s="23" t="s">
        <v>784</v>
      </c>
      <c r="D764" s="23" t="s">
        <v>2241</v>
      </c>
      <c r="E764" s="1" t="str">
        <f t="shared" si="162"/>
        <v>http://www.sap.com/community/tag.html?id=67838200100800005755</v>
      </c>
      <c r="F764" s="23" t="s">
        <v>2974</v>
      </c>
      <c r="G764"/>
      <c r="H764"/>
      <c r="I764"/>
      <c r="J764"/>
    </row>
    <row r="765" spans="1:10" x14ac:dyDescent="0.25">
      <c r="A765" s="7"/>
      <c r="B765"/>
      <c r="C765" s="23" t="s">
        <v>342</v>
      </c>
      <c r="D765" s="23" t="s">
        <v>2241</v>
      </c>
      <c r="E765" s="1" t="str">
        <f t="shared" si="162"/>
        <v>http://www.sap.com/community/tag.html?id=67838200100800005272</v>
      </c>
      <c r="F765" s="23" t="s">
        <v>2975</v>
      </c>
      <c r="G765"/>
      <c r="H765"/>
      <c r="I765"/>
      <c r="J765"/>
    </row>
    <row r="766" spans="1:10" x14ac:dyDescent="0.25">
      <c r="A766" s="7"/>
      <c r="B766"/>
      <c r="C766" s="23" t="s">
        <v>1743</v>
      </c>
      <c r="D766" s="23" t="s">
        <v>2241</v>
      </c>
      <c r="E766" s="1" t="str">
        <f t="shared" si="162"/>
        <v>http://www.sap.com/community/tag.html?id=67837800100800007346</v>
      </c>
      <c r="F766" s="23" t="s">
        <v>2976</v>
      </c>
      <c r="G766"/>
      <c r="H766"/>
      <c r="I766"/>
      <c r="J766"/>
    </row>
    <row r="767" spans="1:10" x14ac:dyDescent="0.25">
      <c r="A767" s="7"/>
      <c r="B767"/>
      <c r="C767" s="23" t="s">
        <v>1154</v>
      </c>
      <c r="D767" s="23" t="s">
        <v>2241</v>
      </c>
      <c r="E767" s="1" t="str">
        <f t="shared" si="162"/>
        <v>http://www.sap.com/community/tag.html?id=67838200100800006253</v>
      </c>
      <c r="F767" s="23" t="s">
        <v>2977</v>
      </c>
      <c r="G767"/>
      <c r="H767"/>
      <c r="I767"/>
      <c r="J767"/>
    </row>
    <row r="768" spans="1:10" x14ac:dyDescent="0.25">
      <c r="A768" s="7"/>
      <c r="B768" t="s">
        <v>1975</v>
      </c>
      <c r="C768" s="23"/>
      <c r="D768" s="7" t="s">
        <v>5032</v>
      </c>
      <c r="E768" s="1"/>
      <c r="F768" s="23" t="s">
        <v>2979</v>
      </c>
      <c r="G768"/>
      <c r="H768"/>
      <c r="I768"/>
      <c r="J768"/>
    </row>
    <row r="769" spans="1:10" x14ac:dyDescent="0.25">
      <c r="A769" s="7"/>
      <c r="B769"/>
      <c r="C769" s="23" t="s">
        <v>1072</v>
      </c>
      <c r="D769" s="23" t="s">
        <v>2241</v>
      </c>
      <c r="E769" s="1" t="str">
        <f t="shared" ref="E769:E815" si="163" xml:space="preserve"> HYPERLINK(CONCATENATE("http://www.sap.com/community/tag.html?id=",$F769))</f>
        <v>http://www.sap.com/community/tag.html?id=01200615320800001716</v>
      </c>
      <c r="F769" s="23" t="s">
        <v>2980</v>
      </c>
      <c r="G769"/>
      <c r="H769"/>
      <c r="I769"/>
      <c r="J769"/>
    </row>
    <row r="770" spans="1:10" x14ac:dyDescent="0.25">
      <c r="A770" s="7"/>
      <c r="B770"/>
      <c r="C770" s="23" t="s">
        <v>1449</v>
      </c>
      <c r="D770" s="23" t="s">
        <v>2241</v>
      </c>
      <c r="E770" s="1" t="str">
        <f t="shared" si="163"/>
        <v>http://www.sap.com/community/tag.html?id=01200615320800001280</v>
      </c>
      <c r="F770" s="23" t="s">
        <v>2981</v>
      </c>
      <c r="G770"/>
      <c r="H770"/>
      <c r="I770"/>
      <c r="J770"/>
    </row>
    <row r="771" spans="1:10" x14ac:dyDescent="0.25">
      <c r="A771" s="7"/>
      <c r="B771"/>
      <c r="C771" s="23" t="s">
        <v>2207</v>
      </c>
      <c r="D771" s="23" t="s">
        <v>2241</v>
      </c>
      <c r="E771" s="1" t="str">
        <f t="shared" si="163"/>
        <v>http://www.sap.com/community/tag.html?id=01200615320800001629</v>
      </c>
      <c r="F771" s="23" t="s">
        <v>2982</v>
      </c>
      <c r="G771"/>
      <c r="H771"/>
      <c r="I771"/>
      <c r="J771"/>
    </row>
    <row r="772" spans="1:10" x14ac:dyDescent="0.25">
      <c r="A772" s="7"/>
      <c r="B772"/>
      <c r="C772" s="23" t="s">
        <v>1684</v>
      </c>
      <c r="D772" s="23" t="s">
        <v>2241</v>
      </c>
      <c r="E772" s="1" t="str">
        <f t="shared" si="163"/>
        <v>http://www.sap.com/community/tag.html?id=01200615320800001630</v>
      </c>
      <c r="F772" s="23" t="s">
        <v>2983</v>
      </c>
      <c r="G772"/>
      <c r="H772"/>
      <c r="I772"/>
      <c r="J772"/>
    </row>
    <row r="773" spans="1:10" x14ac:dyDescent="0.25">
      <c r="A773" s="7"/>
      <c r="B773"/>
      <c r="C773" s="23" t="s">
        <v>1808</v>
      </c>
      <c r="D773" s="23" t="s">
        <v>2241</v>
      </c>
      <c r="E773" s="1" t="str">
        <f t="shared" si="163"/>
        <v>http://www.sap.com/community/tag.html?id=01200615320800001632</v>
      </c>
      <c r="F773" s="23" t="s">
        <v>2984</v>
      </c>
      <c r="G773"/>
      <c r="H773"/>
      <c r="I773"/>
      <c r="J773"/>
    </row>
    <row r="774" spans="1:10" x14ac:dyDescent="0.25">
      <c r="A774" s="7"/>
      <c r="B774"/>
      <c r="C774" s="23" t="s">
        <v>1411</v>
      </c>
      <c r="D774" s="23" t="s">
        <v>2241</v>
      </c>
      <c r="E774" s="1" t="str">
        <f t="shared" si="163"/>
        <v>http://www.sap.com/community/tag.html?id=01200615320800001633</v>
      </c>
      <c r="F774" s="23" t="s">
        <v>2985</v>
      </c>
      <c r="G774"/>
      <c r="H774"/>
      <c r="I774"/>
      <c r="J774"/>
    </row>
    <row r="775" spans="1:10" x14ac:dyDescent="0.25">
      <c r="A775" s="7"/>
      <c r="B775"/>
      <c r="C775" s="23" t="s">
        <v>373</v>
      </c>
      <c r="D775" s="23" t="s">
        <v>2241</v>
      </c>
      <c r="E775" s="1" t="str">
        <f t="shared" si="163"/>
        <v>http://www.sap.com/community/tag.html?id=01200615320800001634</v>
      </c>
      <c r="F775" s="23" t="s">
        <v>2986</v>
      </c>
      <c r="G775"/>
      <c r="H775"/>
      <c r="I775"/>
      <c r="J775"/>
    </row>
    <row r="776" spans="1:10" x14ac:dyDescent="0.25">
      <c r="A776" s="7"/>
      <c r="B776"/>
      <c r="C776" s="23" t="s">
        <v>2004</v>
      </c>
      <c r="D776" s="23" t="s">
        <v>2241</v>
      </c>
      <c r="E776" s="1" t="str">
        <f t="shared" si="163"/>
        <v>http://www.sap.com/community/tag.html?id=01200615320800001635</v>
      </c>
      <c r="F776" s="23" t="s">
        <v>2987</v>
      </c>
      <c r="G776"/>
      <c r="H776"/>
      <c r="I776"/>
      <c r="J776"/>
    </row>
    <row r="777" spans="1:10" x14ac:dyDescent="0.25">
      <c r="A777" s="7"/>
      <c r="B777"/>
      <c r="C777" s="23" t="s">
        <v>1598</v>
      </c>
      <c r="D777" s="23" t="s">
        <v>2241</v>
      </c>
      <c r="E777" s="1" t="str">
        <f t="shared" si="163"/>
        <v>http://www.sap.com/community/tag.html?id=01200615320800001541</v>
      </c>
      <c r="F777" s="23" t="s">
        <v>2988</v>
      </c>
      <c r="G777"/>
      <c r="H777"/>
      <c r="I777"/>
      <c r="J777"/>
    </row>
    <row r="778" spans="1:10" x14ac:dyDescent="0.25">
      <c r="A778" s="7"/>
      <c r="B778"/>
      <c r="C778" s="23" t="s">
        <v>2094</v>
      </c>
      <c r="D778" s="23" t="s">
        <v>2241</v>
      </c>
      <c r="E778" s="1" t="str">
        <f t="shared" si="163"/>
        <v>http://www.sap.com/community/tag.html?id=01200615320800003018</v>
      </c>
      <c r="F778" s="23" t="s">
        <v>2989</v>
      </c>
      <c r="G778"/>
      <c r="H778"/>
      <c r="I778"/>
      <c r="J778"/>
    </row>
    <row r="779" spans="1:10" x14ac:dyDescent="0.25">
      <c r="A779" s="7"/>
      <c r="B779"/>
      <c r="C779" s="23" t="s">
        <v>1977</v>
      </c>
      <c r="D779" s="23" t="s">
        <v>2241</v>
      </c>
      <c r="E779" s="1" t="str">
        <f t="shared" si="163"/>
        <v>http://www.sap.com/community/tag.html?id=01200615320800001543</v>
      </c>
      <c r="F779" s="23" t="s">
        <v>2990</v>
      </c>
      <c r="G779"/>
      <c r="H779"/>
      <c r="I779"/>
      <c r="J779"/>
    </row>
    <row r="780" spans="1:10" x14ac:dyDescent="0.25">
      <c r="A780" s="7"/>
      <c r="B780"/>
      <c r="C780" s="23" t="s">
        <v>470</v>
      </c>
      <c r="D780" s="23" t="s">
        <v>2241</v>
      </c>
      <c r="E780" s="1" t="str">
        <f t="shared" si="163"/>
        <v>http://www.sap.com/community/tag.html?id=01200615320800001544</v>
      </c>
      <c r="F780" s="23" t="s">
        <v>2991</v>
      </c>
      <c r="G780"/>
      <c r="H780"/>
      <c r="I780"/>
      <c r="J780"/>
    </row>
    <row r="781" spans="1:10" x14ac:dyDescent="0.25">
      <c r="A781" s="7"/>
      <c r="B781"/>
      <c r="C781" s="23" t="s">
        <v>201</v>
      </c>
      <c r="D781" s="23" t="s">
        <v>2241</v>
      </c>
      <c r="E781" s="1" t="str">
        <f t="shared" si="163"/>
        <v>http://www.sap.com/community/tag.html?id=01200615320800001545</v>
      </c>
      <c r="F781" s="23" t="s">
        <v>2992</v>
      </c>
      <c r="G781"/>
      <c r="H781"/>
      <c r="I781"/>
      <c r="J781"/>
    </row>
    <row r="782" spans="1:10" x14ac:dyDescent="0.25">
      <c r="A782" s="7"/>
      <c r="B782"/>
      <c r="C782" s="23" t="s">
        <v>248</v>
      </c>
      <c r="D782" s="23" t="s">
        <v>2241</v>
      </c>
      <c r="E782" s="1" t="str">
        <f t="shared" si="163"/>
        <v>http://www.sap.com/community/tag.html?id=01200615320800001636</v>
      </c>
      <c r="F782" s="23" t="s">
        <v>2993</v>
      </c>
      <c r="G782"/>
      <c r="H782"/>
      <c r="I782"/>
      <c r="J782"/>
    </row>
    <row r="783" spans="1:10" x14ac:dyDescent="0.25">
      <c r="A783" s="7"/>
      <c r="B783"/>
      <c r="C783" s="23" t="s">
        <v>60</v>
      </c>
      <c r="D783" s="23" t="s">
        <v>2241</v>
      </c>
      <c r="E783" s="1" t="str">
        <f t="shared" si="163"/>
        <v>http://www.sap.com/community/tag.html?id=01200615320800001637</v>
      </c>
      <c r="F783" s="23" t="s">
        <v>2994</v>
      </c>
      <c r="G783"/>
      <c r="H783"/>
      <c r="I783"/>
      <c r="J783"/>
    </row>
    <row r="784" spans="1:10" x14ac:dyDescent="0.25">
      <c r="A784" s="7"/>
      <c r="B784"/>
      <c r="C784" s="23" t="s">
        <v>1307</v>
      </c>
      <c r="D784" s="23" t="s">
        <v>2241</v>
      </c>
      <c r="E784" s="1" t="str">
        <f t="shared" si="163"/>
        <v>http://www.sap.com/community/tag.html?id=01200615320800001638</v>
      </c>
      <c r="F784" s="23" t="s">
        <v>2995</v>
      </c>
      <c r="G784"/>
      <c r="H784"/>
      <c r="I784"/>
      <c r="J784"/>
    </row>
    <row r="785" spans="1:10" x14ac:dyDescent="0.25">
      <c r="A785" s="7"/>
      <c r="B785"/>
      <c r="C785" s="23" t="s">
        <v>317</v>
      </c>
      <c r="D785" s="23" t="s">
        <v>2241</v>
      </c>
      <c r="E785" s="1" t="str">
        <f t="shared" si="163"/>
        <v>http://www.sap.com/community/tag.html?id=01200615320800001639</v>
      </c>
      <c r="F785" s="23" t="s">
        <v>2996</v>
      </c>
      <c r="G785"/>
      <c r="H785"/>
      <c r="I785"/>
      <c r="J785"/>
    </row>
    <row r="786" spans="1:10" x14ac:dyDescent="0.25">
      <c r="A786" s="7"/>
      <c r="B786"/>
      <c r="C786" s="23" t="s">
        <v>1616</v>
      </c>
      <c r="D786" s="23" t="s">
        <v>2241</v>
      </c>
      <c r="E786" s="1" t="str">
        <f t="shared" si="163"/>
        <v>http://www.sap.com/community/tag.html?id=01200615320800001640</v>
      </c>
      <c r="F786" s="23" t="s">
        <v>2997</v>
      </c>
      <c r="G786"/>
      <c r="H786"/>
      <c r="I786"/>
      <c r="J786"/>
    </row>
    <row r="787" spans="1:10" x14ac:dyDescent="0.25">
      <c r="A787" s="7"/>
      <c r="B787"/>
      <c r="C787" s="23" t="s">
        <v>1925</v>
      </c>
      <c r="D787" s="23" t="s">
        <v>2241</v>
      </c>
      <c r="E787" s="1" t="str">
        <f t="shared" si="163"/>
        <v>http://www.sap.com/community/tag.html?id=01200615320800003642</v>
      </c>
      <c r="F787" s="23" t="s">
        <v>2998</v>
      </c>
      <c r="G787"/>
      <c r="H787"/>
      <c r="I787"/>
      <c r="J787"/>
    </row>
    <row r="788" spans="1:10" x14ac:dyDescent="0.25">
      <c r="A788" s="7"/>
      <c r="B788"/>
      <c r="C788" s="23" t="s">
        <v>555</v>
      </c>
      <c r="D788" s="23" t="s">
        <v>2241</v>
      </c>
      <c r="E788" s="1" t="str">
        <f t="shared" si="163"/>
        <v>http://www.sap.com/community/tag.html?id=01200615320800001641</v>
      </c>
      <c r="F788" s="23" t="s">
        <v>2999</v>
      </c>
      <c r="G788"/>
      <c r="H788"/>
      <c r="I788"/>
      <c r="J788"/>
    </row>
    <row r="789" spans="1:10" x14ac:dyDescent="0.25">
      <c r="A789" s="7"/>
      <c r="B789"/>
      <c r="C789" s="23" t="s">
        <v>1099</v>
      </c>
      <c r="D789" s="23" t="s">
        <v>2241</v>
      </c>
      <c r="E789" s="1" t="str">
        <f t="shared" si="163"/>
        <v>http://www.sap.com/community/tag.html?id=01200615320800001642</v>
      </c>
      <c r="F789" s="23" t="s">
        <v>3000</v>
      </c>
      <c r="G789"/>
      <c r="H789"/>
      <c r="I789"/>
      <c r="J789"/>
    </row>
    <row r="790" spans="1:10" x14ac:dyDescent="0.25">
      <c r="A790" s="7"/>
      <c r="B790"/>
      <c r="C790" s="23" t="s">
        <v>513</v>
      </c>
      <c r="D790" s="23" t="s">
        <v>2241</v>
      </c>
      <c r="E790" s="1" t="str">
        <f t="shared" si="163"/>
        <v>http://www.sap.com/community/tag.html?id=01200615320800001643</v>
      </c>
      <c r="F790" s="23" t="s">
        <v>3001</v>
      </c>
      <c r="G790"/>
      <c r="H790"/>
      <c r="I790"/>
      <c r="J790"/>
    </row>
    <row r="791" spans="1:10" x14ac:dyDescent="0.25">
      <c r="A791" s="7"/>
      <c r="B791"/>
      <c r="C791" s="23" t="s">
        <v>1127</v>
      </c>
      <c r="D791" s="23" t="s">
        <v>2241</v>
      </c>
      <c r="E791" s="1" t="str">
        <f t="shared" si="163"/>
        <v>http://www.sap.com/community/tag.html?id=01200615320800001644</v>
      </c>
      <c r="F791" s="23" t="s">
        <v>3002</v>
      </c>
      <c r="G791"/>
      <c r="H791"/>
      <c r="I791"/>
      <c r="J791"/>
    </row>
    <row r="792" spans="1:10" x14ac:dyDescent="0.25">
      <c r="A792" s="7"/>
      <c r="B792"/>
      <c r="C792" s="23" t="s">
        <v>2076</v>
      </c>
      <c r="D792" s="23" t="s">
        <v>2241</v>
      </c>
      <c r="E792" s="1" t="str">
        <f t="shared" si="163"/>
        <v>http://www.sap.com/community/tag.html?id=01200615320800001645</v>
      </c>
      <c r="F792" s="23" t="s">
        <v>3003</v>
      </c>
      <c r="G792"/>
      <c r="H792"/>
      <c r="I792"/>
      <c r="J792"/>
    </row>
    <row r="793" spans="1:10" x14ac:dyDescent="0.25">
      <c r="A793" s="7"/>
      <c r="B793"/>
      <c r="C793" s="23" t="s">
        <v>2189</v>
      </c>
      <c r="D793" s="23" t="s">
        <v>2241</v>
      </c>
      <c r="E793" s="1" t="str">
        <f t="shared" si="163"/>
        <v>http://www.sap.com/community/tag.html?id=67837800100800005509</v>
      </c>
      <c r="F793" s="23" t="s">
        <v>3004</v>
      </c>
      <c r="G793"/>
      <c r="H793"/>
      <c r="I793"/>
      <c r="J793"/>
    </row>
    <row r="794" spans="1:10" x14ac:dyDescent="0.25">
      <c r="A794" s="7"/>
      <c r="B794"/>
      <c r="C794" s="23" t="s">
        <v>1557</v>
      </c>
      <c r="D794" s="23" t="s">
        <v>2241</v>
      </c>
      <c r="E794" s="1" t="str">
        <f t="shared" si="163"/>
        <v>http://www.sap.com/community/tag.html?id=01200615320800001647</v>
      </c>
      <c r="F794" s="23" t="s">
        <v>3005</v>
      </c>
      <c r="G794"/>
      <c r="H794"/>
      <c r="I794"/>
      <c r="J794"/>
    </row>
    <row r="795" spans="1:10" x14ac:dyDescent="0.25">
      <c r="A795" s="7"/>
      <c r="B795"/>
      <c r="C795" s="23" t="s">
        <v>930</v>
      </c>
      <c r="D795" s="23" t="s">
        <v>2241</v>
      </c>
      <c r="E795" s="1" t="str">
        <f t="shared" si="163"/>
        <v>http://www.sap.com/community/tag.html?id=01200615320800001648</v>
      </c>
      <c r="F795" s="23" t="s">
        <v>3006</v>
      </c>
      <c r="G795"/>
      <c r="H795"/>
      <c r="I795"/>
      <c r="J795"/>
    </row>
    <row r="796" spans="1:10" x14ac:dyDescent="0.25">
      <c r="A796" s="7"/>
      <c r="B796"/>
      <c r="C796" s="23" t="s">
        <v>1207</v>
      </c>
      <c r="D796" s="23" t="s">
        <v>2241</v>
      </c>
      <c r="E796" s="1" t="str">
        <f t="shared" si="163"/>
        <v>http://www.sap.com/community/tag.html?id=01200615320800001649</v>
      </c>
      <c r="F796" s="23" t="s">
        <v>3007</v>
      </c>
      <c r="G796"/>
      <c r="H796"/>
      <c r="I796"/>
      <c r="J796"/>
    </row>
    <row r="797" spans="1:10" x14ac:dyDescent="0.25">
      <c r="A797" s="7"/>
      <c r="B797"/>
      <c r="C797" s="23" t="s">
        <v>873</v>
      </c>
      <c r="D797" s="23" t="s">
        <v>2241</v>
      </c>
      <c r="E797" s="1" t="str">
        <f t="shared" si="163"/>
        <v>http://www.sap.com/community/tag.html?id=01200615320800001650</v>
      </c>
      <c r="F797" s="23" t="s">
        <v>3008</v>
      </c>
      <c r="G797"/>
      <c r="H797"/>
      <c r="I797"/>
      <c r="J797"/>
    </row>
    <row r="798" spans="1:10" x14ac:dyDescent="0.25">
      <c r="A798" s="7"/>
      <c r="B798"/>
      <c r="C798" s="23" t="s">
        <v>1378</v>
      </c>
      <c r="D798" s="23" t="s">
        <v>2241</v>
      </c>
      <c r="E798" s="1" t="str">
        <f t="shared" si="163"/>
        <v>http://www.sap.com/community/tag.html?id=01200615320800001651</v>
      </c>
      <c r="F798" s="23" t="s">
        <v>3009</v>
      </c>
      <c r="G798"/>
      <c r="H798"/>
      <c r="I798"/>
      <c r="J798"/>
    </row>
    <row r="799" spans="1:10" x14ac:dyDescent="0.25">
      <c r="A799" s="7"/>
      <c r="B799"/>
      <c r="C799" s="23" t="s">
        <v>1726</v>
      </c>
      <c r="D799" s="23" t="s">
        <v>2241</v>
      </c>
      <c r="E799" s="1" t="str">
        <f t="shared" si="163"/>
        <v>http://www.sap.com/community/tag.html?id=01200314690800000898</v>
      </c>
      <c r="F799" s="23" t="s">
        <v>3010</v>
      </c>
      <c r="G799"/>
      <c r="H799"/>
      <c r="I799"/>
      <c r="J799"/>
    </row>
    <row r="800" spans="1:10" x14ac:dyDescent="0.25">
      <c r="A800" s="7"/>
      <c r="B800"/>
      <c r="C800" s="23" t="s">
        <v>402</v>
      </c>
      <c r="D800" s="23" t="s">
        <v>2241</v>
      </c>
      <c r="E800" s="1" t="str">
        <f t="shared" si="163"/>
        <v>http://www.sap.com/community/tag.html?id=01200615320800001652</v>
      </c>
      <c r="F800" s="23" t="s">
        <v>3011</v>
      </c>
      <c r="G800"/>
      <c r="H800"/>
      <c r="I800"/>
      <c r="J800"/>
    </row>
    <row r="801" spans="1:10" x14ac:dyDescent="0.25">
      <c r="A801" s="7"/>
      <c r="B801"/>
      <c r="C801" s="23" t="s">
        <v>364</v>
      </c>
      <c r="D801" s="23" t="s">
        <v>2241</v>
      </c>
      <c r="E801" s="1" t="str">
        <f t="shared" si="163"/>
        <v>http://www.sap.com/community/tag.html?id=67837800100800007251</v>
      </c>
      <c r="F801" s="23" t="s">
        <v>3012</v>
      </c>
      <c r="G801"/>
      <c r="H801"/>
      <c r="I801"/>
      <c r="J801"/>
    </row>
    <row r="802" spans="1:10" x14ac:dyDescent="0.25">
      <c r="A802" s="7"/>
      <c r="B802"/>
      <c r="C802" s="23" t="s">
        <v>2129</v>
      </c>
      <c r="D802" s="23" t="s">
        <v>2241</v>
      </c>
      <c r="E802" s="1" t="str">
        <f t="shared" si="163"/>
        <v>http://www.sap.com/community/tag.html?id=01200615320800001653</v>
      </c>
      <c r="F802" s="23" t="s">
        <v>3013</v>
      </c>
      <c r="G802"/>
      <c r="H802"/>
      <c r="I802"/>
      <c r="J802"/>
    </row>
    <row r="803" spans="1:10" x14ac:dyDescent="0.25">
      <c r="A803" s="7"/>
      <c r="B803"/>
      <c r="C803" s="23" t="s">
        <v>886</v>
      </c>
      <c r="D803" s="23" t="s">
        <v>2241</v>
      </c>
      <c r="E803" s="1" t="str">
        <f t="shared" si="163"/>
        <v>http://www.sap.com/community/tag.html?id=01200615320800001654</v>
      </c>
      <c r="F803" s="23" t="s">
        <v>3014</v>
      </c>
      <c r="G803"/>
      <c r="H803"/>
      <c r="I803"/>
      <c r="J803"/>
    </row>
    <row r="804" spans="1:10" x14ac:dyDescent="0.25">
      <c r="A804" s="7"/>
      <c r="B804"/>
      <c r="C804" s="23" t="s">
        <v>1208</v>
      </c>
      <c r="D804" s="23" t="s">
        <v>2241</v>
      </c>
      <c r="E804" s="1" t="str">
        <f t="shared" si="163"/>
        <v>http://www.sap.com/community/tag.html?id=01200615320800001655</v>
      </c>
      <c r="F804" s="23" t="s">
        <v>3015</v>
      </c>
      <c r="G804"/>
      <c r="H804"/>
      <c r="I804"/>
      <c r="J804"/>
    </row>
    <row r="805" spans="1:10" x14ac:dyDescent="0.25">
      <c r="A805" s="7"/>
      <c r="B805"/>
      <c r="C805" s="23" t="s">
        <v>1445</v>
      </c>
      <c r="D805" s="23" t="s">
        <v>2241</v>
      </c>
      <c r="E805" s="1" t="str">
        <f t="shared" si="163"/>
        <v>http://www.sap.com/community/tag.html?id=01200615320800001646</v>
      </c>
      <c r="F805" s="23" t="s">
        <v>3016</v>
      </c>
      <c r="G805"/>
      <c r="H805"/>
      <c r="I805"/>
      <c r="J805"/>
    </row>
    <row r="806" spans="1:10" x14ac:dyDescent="0.25">
      <c r="A806" s="7"/>
      <c r="B806"/>
      <c r="C806" s="23" t="s">
        <v>1112</v>
      </c>
      <c r="D806" s="23" t="s">
        <v>2241</v>
      </c>
      <c r="E806" s="1" t="str">
        <f t="shared" si="163"/>
        <v>http://www.sap.com/community/tag.html?id=01200615320800001555</v>
      </c>
      <c r="F806" s="23" t="s">
        <v>3017</v>
      </c>
      <c r="G806"/>
      <c r="H806"/>
      <c r="I806"/>
      <c r="J806"/>
    </row>
    <row r="807" spans="1:10" x14ac:dyDescent="0.25">
      <c r="A807" s="7"/>
      <c r="B807"/>
      <c r="C807" s="23" t="s">
        <v>994</v>
      </c>
      <c r="D807" s="23" t="s">
        <v>2241</v>
      </c>
      <c r="E807" s="1" t="str">
        <f t="shared" si="163"/>
        <v>http://www.sap.com/community/tag.html?id=01200615320800001666</v>
      </c>
      <c r="F807" s="23" t="s">
        <v>3018</v>
      </c>
      <c r="G807"/>
      <c r="H807"/>
      <c r="I807"/>
      <c r="J807"/>
    </row>
    <row r="808" spans="1:10" x14ac:dyDescent="0.25">
      <c r="A808" s="7"/>
      <c r="B808"/>
      <c r="C808" s="23" t="s">
        <v>1244</v>
      </c>
      <c r="D808" s="23" t="s">
        <v>2241</v>
      </c>
      <c r="E808" s="1" t="str">
        <f t="shared" si="163"/>
        <v>http://www.sap.com/community/tag.html?id=01200615320800001656</v>
      </c>
      <c r="F808" s="23" t="s">
        <v>3019</v>
      </c>
      <c r="G808"/>
      <c r="H808"/>
      <c r="I808"/>
      <c r="J808"/>
    </row>
    <row r="809" spans="1:10" x14ac:dyDescent="0.25">
      <c r="A809" s="7"/>
      <c r="B809"/>
      <c r="C809" s="23" t="s">
        <v>686</v>
      </c>
      <c r="D809" s="23" t="s">
        <v>2241</v>
      </c>
      <c r="E809" s="1" t="str">
        <f t="shared" si="163"/>
        <v>http://www.sap.com/community/tag.html?id=01200615320800001676</v>
      </c>
      <c r="F809" s="23" t="s">
        <v>3020</v>
      </c>
      <c r="G809"/>
      <c r="H809"/>
      <c r="I809"/>
      <c r="J809"/>
    </row>
    <row r="810" spans="1:10" x14ac:dyDescent="0.25">
      <c r="A810" s="7"/>
      <c r="B810"/>
      <c r="C810" s="23" t="s">
        <v>1093</v>
      </c>
      <c r="D810" s="23" t="s">
        <v>2241</v>
      </c>
      <c r="E810" s="1" t="str">
        <f t="shared" si="163"/>
        <v>http://www.sap.com/community/tag.html?id=01200615320800001670</v>
      </c>
      <c r="F810" s="23" t="s">
        <v>3021</v>
      </c>
      <c r="G810"/>
      <c r="H810"/>
      <c r="I810"/>
      <c r="J810"/>
    </row>
    <row r="811" spans="1:10" x14ac:dyDescent="0.25">
      <c r="A811" s="7"/>
      <c r="B811" s="23"/>
      <c r="C811" t="s">
        <v>101</v>
      </c>
      <c r="D811" s="23" t="s">
        <v>2241</v>
      </c>
      <c r="E811" s="1" t="str">
        <f t="shared" si="163"/>
        <v>http://www.sap.com/community/tag.html?id=01200615320800001674</v>
      </c>
      <c r="F811" s="23" t="s">
        <v>3022</v>
      </c>
      <c r="G811"/>
      <c r="H811"/>
      <c r="I811"/>
      <c r="J811"/>
    </row>
    <row r="812" spans="1:10" x14ac:dyDescent="0.25">
      <c r="A812" s="7"/>
      <c r="B812"/>
      <c r="C812" s="23" t="s">
        <v>1718</v>
      </c>
      <c r="D812" s="23" t="s">
        <v>2241</v>
      </c>
      <c r="E812" s="1" t="str">
        <f t="shared" si="163"/>
        <v>http://www.sap.com/community/tag.html?id=67837800100800007140</v>
      </c>
      <c r="F812" s="23" t="s">
        <v>3023</v>
      </c>
      <c r="G812"/>
      <c r="H812"/>
      <c r="I812"/>
      <c r="J812"/>
    </row>
    <row r="813" spans="1:10" x14ac:dyDescent="0.25">
      <c r="A813" s="7"/>
      <c r="B813" s="23"/>
      <c r="C813" t="s">
        <v>1628</v>
      </c>
      <c r="D813" s="23" t="s">
        <v>2241</v>
      </c>
      <c r="E813" s="1" t="str">
        <f t="shared" si="163"/>
        <v>http://www.sap.com/community/tag.html?id=01200615320800001678</v>
      </c>
      <c r="F813" s="23" t="s">
        <v>3024</v>
      </c>
      <c r="G813"/>
      <c r="H813"/>
      <c r="I813"/>
      <c r="J813"/>
    </row>
    <row r="814" spans="1:10" x14ac:dyDescent="0.25">
      <c r="A814" s="7"/>
      <c r="B814"/>
      <c r="C814" s="23" t="s">
        <v>1452</v>
      </c>
      <c r="D814" s="23" t="s">
        <v>2241</v>
      </c>
      <c r="E814" s="1" t="str">
        <f t="shared" si="163"/>
        <v>http://www.sap.com/community/tag.html?id=01200615320800001681</v>
      </c>
      <c r="F814" s="23" t="s">
        <v>3025</v>
      </c>
      <c r="G814"/>
      <c r="H814"/>
      <c r="I814"/>
      <c r="J814"/>
    </row>
    <row r="815" spans="1:10" x14ac:dyDescent="0.25">
      <c r="A815" s="7"/>
      <c r="B815"/>
      <c r="C815" s="23" t="s">
        <v>2190</v>
      </c>
      <c r="D815" s="23" t="s">
        <v>2241</v>
      </c>
      <c r="E815" s="1" t="str">
        <f t="shared" si="163"/>
        <v>http://www.sap.com/community/tag.html?id=01200615320800001717</v>
      </c>
      <c r="F815" s="23" t="s">
        <v>3026</v>
      </c>
      <c r="G815"/>
      <c r="H815"/>
      <c r="I815"/>
      <c r="J815"/>
    </row>
    <row r="816" spans="1:10" x14ac:dyDescent="0.25">
      <c r="A816" s="7"/>
      <c r="B816" s="23" t="s">
        <v>2116</v>
      </c>
      <c r="C816"/>
      <c r="D816" s="7" t="s">
        <v>5032</v>
      </c>
      <c r="E816" s="1"/>
      <c r="F816" s="23" t="s">
        <v>3027</v>
      </c>
      <c r="G816"/>
      <c r="H816"/>
      <c r="I816"/>
      <c r="J816"/>
    </row>
    <row r="817" spans="1:10" x14ac:dyDescent="0.25">
      <c r="A817" s="7"/>
      <c r="B817"/>
      <c r="C817" s="23" t="s">
        <v>2116</v>
      </c>
      <c r="D817" s="23" t="s">
        <v>2241</v>
      </c>
      <c r="E817" s="1" t="str">
        <f t="shared" ref="E817" si="164" xml:space="preserve"> HYPERLINK(CONCATENATE("http://www.sap.com/community/tag.html?id=",$F817))</f>
        <v>http://www.sap.com/community/tag.html?id=67838200100800006578</v>
      </c>
      <c r="F817" s="23" t="s">
        <v>3028</v>
      </c>
      <c r="G817"/>
      <c r="H817"/>
      <c r="I817"/>
      <c r="J817"/>
    </row>
    <row r="818" spans="1:10" x14ac:dyDescent="0.25">
      <c r="A818" s="7"/>
      <c r="B818" s="23" t="s">
        <v>1604</v>
      </c>
      <c r="C818"/>
      <c r="D818" s="7" t="s">
        <v>5032</v>
      </c>
      <c r="E818" s="1"/>
      <c r="F818" s="23" t="s">
        <v>3029</v>
      </c>
      <c r="G818"/>
      <c r="H818"/>
      <c r="I818"/>
      <c r="J818"/>
    </row>
    <row r="819" spans="1:10" x14ac:dyDescent="0.25">
      <c r="A819" s="7"/>
      <c r="B819"/>
      <c r="C819" s="23" t="s">
        <v>1604</v>
      </c>
      <c r="D819" s="23" t="s">
        <v>2241</v>
      </c>
      <c r="E819" s="1" t="str">
        <f t="shared" ref="E819:E820" si="165" xml:space="preserve"> HYPERLINK(CONCATENATE("http://www.sap.com/community/tag.html?id=",$F819))</f>
        <v>http://www.sap.com/community/tag.html?id=67838200100800005437</v>
      </c>
      <c r="F819" s="23" t="s">
        <v>3030</v>
      </c>
      <c r="G819"/>
      <c r="H819"/>
      <c r="I819"/>
      <c r="J819"/>
    </row>
    <row r="820" spans="1:10" x14ac:dyDescent="0.25">
      <c r="A820" s="7"/>
      <c r="B820" s="23"/>
      <c r="C820" t="s">
        <v>1516</v>
      </c>
      <c r="D820" s="23" t="s">
        <v>2241</v>
      </c>
      <c r="E820" s="1" t="str">
        <f t="shared" si="165"/>
        <v>http://www.sap.com/community/tag.html?id=67838200100800005385</v>
      </c>
      <c r="F820" s="23" t="s">
        <v>3031</v>
      </c>
      <c r="G820"/>
      <c r="H820"/>
      <c r="I820"/>
      <c r="J820"/>
    </row>
    <row r="821" spans="1:10" x14ac:dyDescent="0.25">
      <c r="A821" s="7"/>
      <c r="B821" t="s">
        <v>1846</v>
      </c>
      <c r="C821" s="23"/>
      <c r="D821" s="7" t="s">
        <v>5032</v>
      </c>
      <c r="E821" s="1"/>
      <c r="F821" s="23" t="s">
        <v>3032</v>
      </c>
      <c r="G821"/>
      <c r="H821"/>
      <c r="I821"/>
      <c r="J821"/>
    </row>
    <row r="822" spans="1:10" x14ac:dyDescent="0.25">
      <c r="A822" s="7"/>
      <c r="B822" s="23"/>
      <c r="C822" t="s">
        <v>1846</v>
      </c>
      <c r="D822" s="23" t="s">
        <v>2241</v>
      </c>
      <c r="E822" s="1" t="str">
        <f t="shared" ref="E822" si="166" xml:space="preserve"> HYPERLINK(CONCATENATE("http://www.sap.com/community/tag.html?id=",$F822))</f>
        <v>http://www.sap.com/community/tag.html?id=73555000100800000221</v>
      </c>
      <c r="F822" s="23" t="s">
        <v>3033</v>
      </c>
      <c r="G822"/>
      <c r="H822"/>
      <c r="I822"/>
      <c r="J822"/>
    </row>
    <row r="823" spans="1:10" x14ac:dyDescent="0.25">
      <c r="A823" s="7"/>
      <c r="B823" t="s">
        <v>339</v>
      </c>
      <c r="C823" s="23"/>
      <c r="D823" s="7" t="s">
        <v>5032</v>
      </c>
      <c r="E823" s="1"/>
      <c r="F823" s="23" t="s">
        <v>3034</v>
      </c>
      <c r="G823"/>
      <c r="H823"/>
      <c r="I823"/>
      <c r="J823"/>
    </row>
    <row r="824" spans="1:10" x14ac:dyDescent="0.25">
      <c r="A824" s="7"/>
      <c r="B824" s="23"/>
      <c r="C824" t="s">
        <v>339</v>
      </c>
      <c r="D824" s="23" t="s">
        <v>2241</v>
      </c>
      <c r="E824" s="1" t="str">
        <f t="shared" ref="E824" si="167" xml:space="preserve"> HYPERLINK(CONCATENATE("http://www.sap.com/community/tag.html?id=",$F824))</f>
        <v>http://www.sap.com/community/tag.html?id=73554900100800000501</v>
      </c>
      <c r="F824" s="23" t="s">
        <v>3035</v>
      </c>
      <c r="G824"/>
      <c r="H824"/>
      <c r="I824"/>
      <c r="J824"/>
    </row>
    <row r="825" spans="1:10" x14ac:dyDescent="0.25">
      <c r="A825" s="7"/>
      <c r="B825" t="s">
        <v>1398</v>
      </c>
      <c r="C825" s="23"/>
      <c r="D825" s="7" t="s">
        <v>5032</v>
      </c>
      <c r="E825" s="1"/>
      <c r="F825" s="23" t="s">
        <v>3036</v>
      </c>
      <c r="G825"/>
      <c r="H825"/>
      <c r="I825"/>
      <c r="J825"/>
    </row>
    <row r="826" spans="1:10" x14ac:dyDescent="0.25">
      <c r="A826" s="7"/>
      <c r="B826" s="23"/>
      <c r="C826" t="s">
        <v>1398</v>
      </c>
      <c r="D826" s="23" t="s">
        <v>2241</v>
      </c>
      <c r="E826" s="1" t="str">
        <f t="shared" ref="E826" si="168" xml:space="preserve"> HYPERLINK(CONCATENATE("http://www.sap.com/community/tag.html?id=",$F826))</f>
        <v>http://www.sap.com/community/tag.html?id=01200314690800000243</v>
      </c>
      <c r="F826" s="23" t="s">
        <v>3037</v>
      </c>
      <c r="G826"/>
      <c r="H826"/>
      <c r="I826"/>
      <c r="J826"/>
    </row>
    <row r="827" spans="1:10" x14ac:dyDescent="0.25">
      <c r="A827" s="7"/>
      <c r="B827" t="s">
        <v>2151</v>
      </c>
      <c r="C827" s="23"/>
      <c r="D827" s="7" t="s">
        <v>5032</v>
      </c>
      <c r="E827" s="1"/>
      <c r="F827" s="23" t="s">
        <v>3038</v>
      </c>
      <c r="G827"/>
      <c r="H827"/>
      <c r="I827"/>
      <c r="J827"/>
    </row>
    <row r="828" spans="1:10" x14ac:dyDescent="0.25">
      <c r="A828" s="7"/>
      <c r="B828" s="23"/>
      <c r="C828" t="s">
        <v>2151</v>
      </c>
      <c r="D828" s="23" t="s">
        <v>2241</v>
      </c>
      <c r="E828" s="1" t="str">
        <f t="shared" ref="E828" si="169" xml:space="preserve"> HYPERLINK(CONCATENATE("http://www.sap.com/community/tag.html?id=",$F828))</f>
        <v>http://www.sap.com/community/tag.html?id=01200615320800001274</v>
      </c>
      <c r="F828" s="23" t="s">
        <v>3039</v>
      </c>
      <c r="G828"/>
      <c r="H828"/>
      <c r="I828"/>
      <c r="J828"/>
    </row>
    <row r="829" spans="1:10" x14ac:dyDescent="0.25">
      <c r="A829" s="7"/>
      <c r="B829" t="s">
        <v>330</v>
      </c>
      <c r="C829" s="23"/>
      <c r="D829" s="7" t="s">
        <v>5032</v>
      </c>
      <c r="E829" s="1"/>
      <c r="F829" s="23" t="s">
        <v>3040</v>
      </c>
      <c r="G829"/>
      <c r="H829"/>
      <c r="I829"/>
      <c r="J829"/>
    </row>
    <row r="830" spans="1:10" x14ac:dyDescent="0.25">
      <c r="A830" s="7"/>
      <c r="B830" s="23"/>
      <c r="C830" t="s">
        <v>330</v>
      </c>
      <c r="D830" s="23" t="s">
        <v>2241</v>
      </c>
      <c r="E830" s="1" t="str">
        <f t="shared" ref="E830" si="170" xml:space="preserve"> HYPERLINK(CONCATENATE("http://www.sap.com/community/tag.html?id=",$F830))</f>
        <v>http://www.sap.com/community/tag.html?id=01200314690800000358</v>
      </c>
      <c r="F830" s="23" t="s">
        <v>3041</v>
      </c>
      <c r="G830"/>
      <c r="H830"/>
      <c r="I830"/>
      <c r="J830"/>
    </row>
    <row r="831" spans="1:10" x14ac:dyDescent="0.25">
      <c r="A831" s="7"/>
      <c r="B831" t="s">
        <v>569</v>
      </c>
      <c r="C831" s="23"/>
      <c r="D831" s="7" t="s">
        <v>5032</v>
      </c>
      <c r="E831" s="1"/>
      <c r="F831" s="23" t="s">
        <v>3042</v>
      </c>
      <c r="G831"/>
      <c r="H831"/>
      <c r="I831"/>
      <c r="J831"/>
    </row>
    <row r="832" spans="1:10" x14ac:dyDescent="0.25">
      <c r="A832" s="7"/>
      <c r="B832" s="23"/>
      <c r="C832" t="s">
        <v>569</v>
      </c>
      <c r="D832" s="23" t="s">
        <v>2241</v>
      </c>
      <c r="E832" s="1" t="str">
        <f t="shared" ref="E832" si="171" xml:space="preserve"> HYPERLINK(CONCATENATE("http://www.sap.com/community/tag.html?id=",$F832))</f>
        <v>http://www.sap.com/community/tag.html?id=73554900100800000681</v>
      </c>
      <c r="F832" s="23" t="s">
        <v>3043</v>
      </c>
      <c r="G832"/>
      <c r="H832"/>
      <c r="I832"/>
      <c r="J832"/>
    </row>
    <row r="833" spans="1:10" x14ac:dyDescent="0.25">
      <c r="A833" s="7"/>
      <c r="B833" t="s">
        <v>1708</v>
      </c>
      <c r="C833" s="23"/>
      <c r="D833" s="7" t="s">
        <v>5032</v>
      </c>
      <c r="E833" s="1"/>
      <c r="F833" s="23" t="s">
        <v>3044</v>
      </c>
      <c r="G833"/>
      <c r="H833"/>
      <c r="I833"/>
      <c r="J833"/>
    </row>
    <row r="834" spans="1:10" x14ac:dyDescent="0.25">
      <c r="A834" s="7"/>
      <c r="B834" s="23"/>
      <c r="C834" t="s">
        <v>1708</v>
      </c>
      <c r="D834" s="23" t="s">
        <v>2241</v>
      </c>
      <c r="E834" s="1" t="str">
        <f t="shared" ref="E834" si="172" xml:space="preserve"> HYPERLINK(CONCATENATE("http://www.sap.com/community/tag.html?id=",$F834))</f>
        <v>http://www.sap.com/community/tag.html?id=01200314690800000359</v>
      </c>
      <c r="F834" s="23" t="s">
        <v>3045</v>
      </c>
      <c r="G834"/>
      <c r="H834"/>
      <c r="I834"/>
      <c r="J834"/>
    </row>
    <row r="835" spans="1:10" x14ac:dyDescent="0.25">
      <c r="A835" s="7"/>
      <c r="B835" t="s">
        <v>889</v>
      </c>
      <c r="C835" s="23"/>
      <c r="D835" s="7" t="s">
        <v>5032</v>
      </c>
      <c r="E835" s="1"/>
      <c r="F835" s="23" t="s">
        <v>3046</v>
      </c>
      <c r="G835"/>
      <c r="H835"/>
      <c r="I835"/>
      <c r="J835"/>
    </row>
    <row r="836" spans="1:10" x14ac:dyDescent="0.25">
      <c r="A836" s="7"/>
      <c r="B836" s="23"/>
      <c r="C836" t="s">
        <v>889</v>
      </c>
      <c r="D836" s="23" t="s">
        <v>2241</v>
      </c>
      <c r="E836" s="1" t="str">
        <f t="shared" ref="E836" si="173" xml:space="preserve"> HYPERLINK(CONCATENATE("http://www.sap.com/community/tag.html?id=",$F836))</f>
        <v>http://www.sap.com/community/tag.html?id=01200314690800000360</v>
      </c>
      <c r="F836" s="23" t="s">
        <v>3047</v>
      </c>
      <c r="G836"/>
      <c r="H836"/>
      <c r="I836"/>
      <c r="J836"/>
    </row>
    <row r="837" spans="1:10" x14ac:dyDescent="0.25">
      <c r="A837" s="7"/>
      <c r="B837" t="s">
        <v>309</v>
      </c>
      <c r="C837" s="23"/>
      <c r="D837" s="7" t="s">
        <v>5032</v>
      </c>
      <c r="E837" s="1"/>
      <c r="F837" s="23" t="s">
        <v>3048</v>
      </c>
      <c r="G837"/>
      <c r="H837"/>
      <c r="I837"/>
      <c r="J837"/>
    </row>
    <row r="838" spans="1:10" x14ac:dyDescent="0.25">
      <c r="A838" s="7"/>
      <c r="B838"/>
      <c r="C838" s="23" t="s">
        <v>309</v>
      </c>
      <c r="D838" s="23" t="s">
        <v>2241</v>
      </c>
      <c r="E838" s="1" t="str">
        <f t="shared" ref="E838" si="174" xml:space="preserve"> HYPERLINK(CONCATENATE("http://www.sap.com/community/tag.html?id=",$F838))</f>
        <v>http://www.sap.com/community/tag.html?id=01200314690800000354</v>
      </c>
      <c r="F838" s="23" t="s">
        <v>3049</v>
      </c>
      <c r="G838"/>
      <c r="H838"/>
      <c r="I838"/>
      <c r="J838"/>
    </row>
    <row r="839" spans="1:10" x14ac:dyDescent="0.25">
      <c r="A839" s="7"/>
      <c r="B839" t="s">
        <v>1235</v>
      </c>
      <c r="C839" s="23"/>
      <c r="D839" s="7" t="s">
        <v>5032</v>
      </c>
      <c r="E839" s="1"/>
      <c r="F839" s="23" t="s">
        <v>3050</v>
      </c>
      <c r="G839"/>
      <c r="H839"/>
      <c r="I839"/>
      <c r="J839"/>
    </row>
    <row r="840" spans="1:10" x14ac:dyDescent="0.25">
      <c r="A840" s="7"/>
      <c r="B840"/>
      <c r="C840" s="23" t="s">
        <v>1235</v>
      </c>
      <c r="D840" s="23" t="s">
        <v>2241</v>
      </c>
      <c r="E840" s="1" t="str">
        <f t="shared" ref="E840" si="175" xml:space="preserve"> HYPERLINK(CONCATENATE("http://www.sap.com/community/tag.html?id=",$F840))</f>
        <v>http://www.sap.com/community/tag.html?id=01200314690800000777</v>
      </c>
      <c r="F840" s="23" t="s">
        <v>3051</v>
      </c>
      <c r="G840"/>
      <c r="H840"/>
      <c r="I840"/>
      <c r="J840"/>
    </row>
    <row r="841" spans="1:10" x14ac:dyDescent="0.25">
      <c r="A841" s="7"/>
      <c r="B841" t="s">
        <v>2011</v>
      </c>
      <c r="C841" s="23"/>
      <c r="D841" s="7" t="s">
        <v>5032</v>
      </c>
      <c r="E841" s="1"/>
      <c r="F841" s="23" t="s">
        <v>3052</v>
      </c>
      <c r="G841"/>
      <c r="H841"/>
      <c r="I841"/>
      <c r="J841"/>
    </row>
    <row r="842" spans="1:10" x14ac:dyDescent="0.25">
      <c r="A842" s="7"/>
      <c r="B842"/>
      <c r="C842" s="23" t="s">
        <v>1866</v>
      </c>
      <c r="D842" s="23" t="s">
        <v>2241</v>
      </c>
      <c r="E842" s="1" t="str">
        <f t="shared" ref="E842:E854" si="176" xml:space="preserve"> HYPERLINK(CONCATENATE("http://www.sap.com/community/tag.html?id=",$F842))</f>
        <v>http://www.sap.com/community/tag.html?id=01200615320800001685</v>
      </c>
      <c r="F842" s="23" t="s">
        <v>3053</v>
      </c>
      <c r="G842"/>
      <c r="H842"/>
      <c r="I842"/>
      <c r="J842"/>
    </row>
    <row r="843" spans="1:10" x14ac:dyDescent="0.25">
      <c r="A843" s="7"/>
      <c r="B843"/>
      <c r="C843" s="23" t="s">
        <v>1734</v>
      </c>
      <c r="D843" s="23" t="s">
        <v>2241</v>
      </c>
      <c r="E843" s="1" t="str">
        <f t="shared" si="176"/>
        <v>http://www.sap.com/community/tag.html?id=01200615320800001315</v>
      </c>
      <c r="F843" s="23" t="s">
        <v>3054</v>
      </c>
      <c r="G843"/>
      <c r="H843"/>
      <c r="I843"/>
      <c r="J843"/>
    </row>
    <row r="844" spans="1:10" x14ac:dyDescent="0.25">
      <c r="A844" s="7"/>
      <c r="B844"/>
      <c r="C844" s="23" t="s">
        <v>1979</v>
      </c>
      <c r="D844" s="23" t="s">
        <v>2241</v>
      </c>
      <c r="E844" s="1" t="str">
        <f t="shared" si="176"/>
        <v>http://www.sap.com/community/tag.html?id=01200615320800001314</v>
      </c>
      <c r="F844" s="23" t="s">
        <v>3055</v>
      </c>
      <c r="G844"/>
      <c r="H844"/>
      <c r="I844"/>
      <c r="J844"/>
    </row>
    <row r="845" spans="1:10" x14ac:dyDescent="0.25">
      <c r="A845" s="7"/>
      <c r="B845"/>
      <c r="C845" s="23" t="s">
        <v>1646</v>
      </c>
      <c r="D845" s="23" t="s">
        <v>2241</v>
      </c>
      <c r="E845" s="1" t="str">
        <f t="shared" si="176"/>
        <v>http://www.sap.com/community/tag.html?id=01200615320800001308</v>
      </c>
      <c r="F845" s="23" t="s">
        <v>3056</v>
      </c>
      <c r="G845"/>
      <c r="H845"/>
      <c r="I845"/>
      <c r="J845"/>
    </row>
    <row r="846" spans="1:10" x14ac:dyDescent="0.25">
      <c r="A846" s="7"/>
      <c r="B846"/>
      <c r="C846" s="23" t="s">
        <v>1872</v>
      </c>
      <c r="D846" s="23" t="s">
        <v>2241</v>
      </c>
      <c r="E846" s="1" t="str">
        <f t="shared" si="176"/>
        <v>http://www.sap.com/community/tag.html?id=01200615320800001698</v>
      </c>
      <c r="F846" s="23" t="s">
        <v>3057</v>
      </c>
      <c r="G846"/>
      <c r="H846"/>
      <c r="I846"/>
      <c r="J846"/>
    </row>
    <row r="847" spans="1:10" x14ac:dyDescent="0.25">
      <c r="A847" s="7"/>
      <c r="B847"/>
      <c r="C847" s="23" t="s">
        <v>409</v>
      </c>
      <c r="D847" s="23" t="s">
        <v>2241</v>
      </c>
      <c r="E847" s="1" t="str">
        <f t="shared" si="176"/>
        <v>http://www.sap.com/community/tag.html?id=01200615320800001313</v>
      </c>
      <c r="F847" s="23" t="s">
        <v>3058</v>
      </c>
      <c r="G847"/>
      <c r="H847"/>
      <c r="I847"/>
      <c r="J847"/>
    </row>
    <row r="848" spans="1:10" x14ac:dyDescent="0.25">
      <c r="A848" s="7"/>
      <c r="B848"/>
      <c r="C848" s="23" t="s">
        <v>2011</v>
      </c>
      <c r="D848" s="23" t="s">
        <v>2241</v>
      </c>
      <c r="E848" s="1" t="str">
        <f t="shared" si="176"/>
        <v>http://www.sap.com/community/tag.html?id=01200314690800000363</v>
      </c>
      <c r="F848" s="23" t="s">
        <v>3059</v>
      </c>
      <c r="G848"/>
      <c r="H848"/>
      <c r="I848"/>
      <c r="J848"/>
    </row>
    <row r="849" spans="1:10" x14ac:dyDescent="0.25">
      <c r="A849" s="7"/>
      <c r="B849"/>
      <c r="C849" s="23" t="s">
        <v>1735</v>
      </c>
      <c r="D849" s="23" t="s">
        <v>2241</v>
      </c>
      <c r="E849" s="1" t="str">
        <f t="shared" si="176"/>
        <v>http://www.sap.com/community/tag.html?id=01200615320800002027</v>
      </c>
      <c r="F849" s="23" t="s">
        <v>3060</v>
      </c>
      <c r="G849"/>
      <c r="H849"/>
      <c r="I849"/>
      <c r="J849"/>
    </row>
    <row r="850" spans="1:10" x14ac:dyDescent="0.25">
      <c r="A850" s="7"/>
      <c r="B850" s="23"/>
      <c r="C850" t="s">
        <v>1187</v>
      </c>
      <c r="D850" s="23" t="s">
        <v>2241</v>
      </c>
      <c r="E850" s="1" t="str">
        <f t="shared" si="176"/>
        <v>http://www.sap.com/community/tag.html?id=01200314690800001557</v>
      </c>
      <c r="F850" s="23" t="s">
        <v>3061</v>
      </c>
      <c r="G850"/>
      <c r="H850"/>
      <c r="I850"/>
      <c r="J850"/>
    </row>
    <row r="851" spans="1:10" x14ac:dyDescent="0.25">
      <c r="A851" s="7"/>
      <c r="B851"/>
      <c r="C851" s="23" t="s">
        <v>590</v>
      </c>
      <c r="D851" s="23" t="s">
        <v>2241</v>
      </c>
      <c r="E851" s="1" t="str">
        <f t="shared" si="176"/>
        <v>http://www.sap.com/community/tag.html?id=01200615320800001311</v>
      </c>
      <c r="F851" s="23" t="s">
        <v>3062</v>
      </c>
      <c r="G851"/>
      <c r="H851"/>
      <c r="I851"/>
      <c r="J851"/>
    </row>
    <row r="852" spans="1:10" x14ac:dyDescent="0.25">
      <c r="A852" s="7"/>
      <c r="B852"/>
      <c r="C852" s="23" t="s">
        <v>708</v>
      </c>
      <c r="D852" s="23" t="s">
        <v>2241</v>
      </c>
      <c r="E852" s="1" t="str">
        <f t="shared" si="176"/>
        <v>http://www.sap.com/community/tag.html?id=01200615320800001310</v>
      </c>
      <c r="F852" s="23" t="s">
        <v>3063</v>
      </c>
      <c r="G852"/>
      <c r="H852"/>
      <c r="I852"/>
      <c r="J852"/>
    </row>
    <row r="853" spans="1:10" x14ac:dyDescent="0.25">
      <c r="A853" s="7"/>
      <c r="B853" s="23"/>
      <c r="C853" t="s">
        <v>2102</v>
      </c>
      <c r="D853" s="23" t="s">
        <v>2241</v>
      </c>
      <c r="E853" s="1" t="str">
        <f t="shared" si="176"/>
        <v>http://www.sap.com/community/tag.html?id=01200615320800001697</v>
      </c>
      <c r="F853" s="23" t="s">
        <v>3064</v>
      </c>
      <c r="G853"/>
      <c r="H853"/>
      <c r="I853"/>
      <c r="J853"/>
    </row>
    <row r="854" spans="1:10" x14ac:dyDescent="0.25">
      <c r="A854" s="7"/>
      <c r="B854"/>
      <c r="C854" s="23" t="s">
        <v>739</v>
      </c>
      <c r="D854" s="23" t="s">
        <v>2241</v>
      </c>
      <c r="E854" s="1" t="str">
        <f t="shared" si="176"/>
        <v>http://www.sap.com/community/tag.html?id=01200314690800000404</v>
      </c>
      <c r="F854" s="23" t="s">
        <v>3065</v>
      </c>
      <c r="G854"/>
      <c r="H854"/>
      <c r="I854"/>
      <c r="J854"/>
    </row>
    <row r="855" spans="1:10" x14ac:dyDescent="0.25">
      <c r="A855" s="7"/>
      <c r="B855" s="23" t="s">
        <v>937</v>
      </c>
      <c r="C855"/>
      <c r="D855" s="7" t="s">
        <v>5032</v>
      </c>
      <c r="E855" s="1"/>
      <c r="F855" s="23" t="s">
        <v>3066</v>
      </c>
      <c r="G855"/>
      <c r="H855"/>
      <c r="I855"/>
      <c r="J855"/>
    </row>
    <row r="856" spans="1:10" x14ac:dyDescent="0.25">
      <c r="A856" s="7"/>
      <c r="B856"/>
      <c r="C856" s="23" t="s">
        <v>937</v>
      </c>
      <c r="D856" s="23" t="s">
        <v>2241</v>
      </c>
      <c r="E856" s="1" t="str">
        <f t="shared" ref="E856:E857" si="177" xml:space="preserve"> HYPERLINK(CONCATENATE("http://www.sap.com/community/tag.html?id=",$F856))</f>
        <v>http://www.sap.com/community/tag.html?id=01200314690800000395</v>
      </c>
      <c r="F856" s="23" t="s">
        <v>3067</v>
      </c>
      <c r="G856"/>
      <c r="H856"/>
      <c r="I856"/>
      <c r="J856"/>
    </row>
    <row r="857" spans="1:10" x14ac:dyDescent="0.25">
      <c r="A857" s="7"/>
      <c r="B857" s="23"/>
      <c r="C857" t="s">
        <v>2213</v>
      </c>
      <c r="D857" s="23" t="s">
        <v>2241</v>
      </c>
      <c r="E857" s="1" t="str">
        <f t="shared" si="177"/>
        <v>http://www.sap.com/community/tag.html?id=67837800100800006686</v>
      </c>
      <c r="F857" s="23" t="s">
        <v>3068</v>
      </c>
      <c r="G857"/>
      <c r="H857"/>
      <c r="I857"/>
      <c r="J857"/>
    </row>
    <row r="858" spans="1:10" x14ac:dyDescent="0.25">
      <c r="A858" s="7"/>
      <c r="B858" t="s">
        <v>604</v>
      </c>
      <c r="C858" s="23"/>
      <c r="D858" s="7" t="s">
        <v>5032</v>
      </c>
      <c r="E858" s="1"/>
      <c r="F858" s="23" t="s">
        <v>3069</v>
      </c>
      <c r="G858"/>
      <c r="H858"/>
      <c r="I858"/>
      <c r="J858"/>
    </row>
    <row r="859" spans="1:10" x14ac:dyDescent="0.25">
      <c r="A859" s="7"/>
      <c r="B859" s="23"/>
      <c r="C859" t="s">
        <v>604</v>
      </c>
      <c r="D859" s="23" t="s">
        <v>2241</v>
      </c>
      <c r="E859" s="1" t="str">
        <f t="shared" ref="E859" si="178" xml:space="preserve"> HYPERLINK(CONCATENATE("http://www.sap.com/community/tag.html?id=",$F859))</f>
        <v>http://www.sap.com/community/tag.html?id=73554900100800000451</v>
      </c>
      <c r="F859" s="23" t="s">
        <v>3070</v>
      </c>
      <c r="G859"/>
      <c r="H859"/>
      <c r="I859"/>
      <c r="J859"/>
    </row>
    <row r="860" spans="1:10" x14ac:dyDescent="0.25">
      <c r="A860" s="7"/>
      <c r="B860" t="s">
        <v>167</v>
      </c>
      <c r="C860" s="23"/>
      <c r="D860" s="7" t="s">
        <v>5032</v>
      </c>
      <c r="E860" s="1"/>
      <c r="F860" s="23" t="s">
        <v>3071</v>
      </c>
      <c r="G860"/>
      <c r="H860"/>
      <c r="I860"/>
      <c r="J860"/>
    </row>
    <row r="861" spans="1:10" x14ac:dyDescent="0.25">
      <c r="A861" s="7"/>
      <c r="B861" s="23"/>
      <c r="C861" t="s">
        <v>167</v>
      </c>
      <c r="D861" s="23" t="s">
        <v>2241</v>
      </c>
      <c r="E861" s="1" t="str">
        <f t="shared" ref="E861" si="179" xml:space="preserve"> HYPERLINK(CONCATENATE("http://www.sap.com/community/tag.html?id=",$F861))</f>
        <v>http://www.sap.com/community/tag.html?id=73555000100800000421</v>
      </c>
      <c r="F861" s="23" t="s">
        <v>3072</v>
      </c>
      <c r="G861"/>
      <c r="H861"/>
      <c r="I861"/>
      <c r="J861"/>
    </row>
    <row r="862" spans="1:10" x14ac:dyDescent="0.25">
      <c r="A862" s="7"/>
      <c r="B862" t="s">
        <v>5053</v>
      </c>
      <c r="C862" s="23"/>
      <c r="D862" s="7" t="s">
        <v>5032</v>
      </c>
      <c r="E862" s="1"/>
      <c r="F862" s="23" t="s">
        <v>5100</v>
      </c>
      <c r="G862"/>
      <c r="H862"/>
      <c r="I862"/>
      <c r="J862"/>
    </row>
    <row r="863" spans="1:10" x14ac:dyDescent="0.25">
      <c r="A863" s="7"/>
      <c r="B863"/>
      <c r="C863" s="23" t="s">
        <v>5053</v>
      </c>
      <c r="D863" s="23" t="s">
        <v>2241</v>
      </c>
      <c r="E863" s="1" t="str">
        <f t="shared" ref="E863" si="180" xml:space="preserve"> HYPERLINK(CONCATENATE("http://www.sap.com/community/tag.html?id=",$F863))</f>
        <v>http://www.sap.com/community/tag.html?id=73554900100800000684</v>
      </c>
      <c r="F863" s="23" t="s">
        <v>5101</v>
      </c>
      <c r="G863"/>
      <c r="H863"/>
      <c r="I863"/>
      <c r="J863"/>
    </row>
    <row r="864" spans="1:10" x14ac:dyDescent="0.25">
      <c r="A864" s="7"/>
      <c r="B864" t="s">
        <v>1342</v>
      </c>
      <c r="C864" s="23"/>
      <c r="D864" s="7" t="s">
        <v>5032</v>
      </c>
      <c r="E864" s="1"/>
      <c r="F864" s="23" t="s">
        <v>3073</v>
      </c>
      <c r="G864"/>
      <c r="H864"/>
      <c r="I864"/>
      <c r="J864"/>
    </row>
    <row r="865" spans="1:10" x14ac:dyDescent="0.25">
      <c r="A865" s="7"/>
      <c r="B865"/>
      <c r="C865" s="23" t="s">
        <v>1342</v>
      </c>
      <c r="D865" s="23" t="s">
        <v>2241</v>
      </c>
      <c r="E865" s="1" t="str">
        <f t="shared" ref="E865" si="181" xml:space="preserve"> HYPERLINK(CONCATENATE("http://www.sap.com/community/tag.html?id=",$F865))</f>
        <v>http://www.sap.com/community/tag.html?id=01200615320800001736</v>
      </c>
      <c r="F865" s="23" t="s">
        <v>3074</v>
      </c>
      <c r="G865"/>
      <c r="H865"/>
      <c r="I865"/>
      <c r="J865"/>
    </row>
    <row r="866" spans="1:10" x14ac:dyDescent="0.25">
      <c r="A866" s="7"/>
      <c r="B866" t="s">
        <v>741</v>
      </c>
      <c r="C866" s="23"/>
      <c r="D866" s="7" t="s">
        <v>5032</v>
      </c>
      <c r="E866" s="1"/>
      <c r="F866" s="23" t="s">
        <v>3075</v>
      </c>
      <c r="G866"/>
      <c r="H866"/>
      <c r="I866"/>
      <c r="J866"/>
    </row>
    <row r="867" spans="1:10" x14ac:dyDescent="0.25">
      <c r="A867" s="7"/>
      <c r="B867" s="23"/>
      <c r="C867" t="s">
        <v>741</v>
      </c>
      <c r="D867" s="23" t="s">
        <v>2241</v>
      </c>
      <c r="E867" s="1" t="str">
        <f t="shared" ref="E867:E871" si="182" xml:space="preserve"> HYPERLINK(CONCATENATE("http://www.sap.com/community/tag.html?id=",$F867))</f>
        <v>http://www.sap.com/community/tag.html?id=67837800100800004903</v>
      </c>
      <c r="F867" s="23" t="s">
        <v>3076</v>
      </c>
      <c r="G867"/>
      <c r="H867"/>
      <c r="I867"/>
      <c r="J867"/>
    </row>
    <row r="868" spans="1:10" x14ac:dyDescent="0.25">
      <c r="A868" s="7"/>
      <c r="B868"/>
      <c r="C868" s="23" t="s">
        <v>611</v>
      </c>
      <c r="D868" s="23" t="s">
        <v>2241</v>
      </c>
      <c r="E868" s="1" t="str">
        <f t="shared" si="182"/>
        <v>http://www.sap.com/community/tag.html?id=67837800100800004904</v>
      </c>
      <c r="F868" s="23" t="s">
        <v>3077</v>
      </c>
      <c r="G868"/>
      <c r="H868"/>
      <c r="I868"/>
      <c r="J868"/>
    </row>
    <row r="869" spans="1:10" x14ac:dyDescent="0.25">
      <c r="A869" s="7"/>
      <c r="B869"/>
      <c r="C869" s="23" t="s">
        <v>1199</v>
      </c>
      <c r="D869" s="23" t="s">
        <v>2241</v>
      </c>
      <c r="E869" s="1" t="str">
        <f t="shared" si="182"/>
        <v>http://www.sap.com/community/tag.html?id=67837800100800004905</v>
      </c>
      <c r="F869" s="23" t="s">
        <v>3078</v>
      </c>
      <c r="G869"/>
      <c r="H869"/>
      <c r="I869"/>
      <c r="J869"/>
    </row>
    <row r="870" spans="1:10" x14ac:dyDescent="0.25">
      <c r="A870" s="7"/>
      <c r="B870"/>
      <c r="C870" s="23" t="s">
        <v>2210</v>
      </c>
      <c r="D870" s="23" t="s">
        <v>2241</v>
      </c>
      <c r="E870" s="1" t="str">
        <f t="shared" si="182"/>
        <v>http://www.sap.com/community/tag.html?id=67837800100800005216</v>
      </c>
      <c r="F870" s="23" t="s">
        <v>3079</v>
      </c>
      <c r="G870"/>
      <c r="H870"/>
      <c r="I870"/>
      <c r="J870"/>
    </row>
    <row r="871" spans="1:10" x14ac:dyDescent="0.25">
      <c r="A871" s="7"/>
      <c r="B871"/>
      <c r="C871" s="23" t="s">
        <v>2005</v>
      </c>
      <c r="D871" s="23" t="s">
        <v>2241</v>
      </c>
      <c r="E871" s="1" t="str">
        <f t="shared" si="182"/>
        <v>http://www.sap.com/community/tag.html?id=67838200100800005760</v>
      </c>
      <c r="F871" s="23" t="s">
        <v>3080</v>
      </c>
      <c r="G871"/>
      <c r="H871"/>
      <c r="I871"/>
      <c r="J871"/>
    </row>
    <row r="872" spans="1:10" x14ac:dyDescent="0.25">
      <c r="A872" s="7"/>
      <c r="B872" t="s">
        <v>1754</v>
      </c>
      <c r="C872" s="23"/>
      <c r="D872" s="7" t="s">
        <v>5032</v>
      </c>
      <c r="E872" s="1"/>
      <c r="F872" s="23" t="s">
        <v>3081</v>
      </c>
      <c r="G872"/>
      <c r="H872"/>
      <c r="I872"/>
      <c r="J872"/>
    </row>
    <row r="873" spans="1:10" x14ac:dyDescent="0.25">
      <c r="A873" s="7"/>
      <c r="B873"/>
      <c r="C873" s="23" t="s">
        <v>79</v>
      </c>
      <c r="D873" s="23" t="s">
        <v>2241</v>
      </c>
      <c r="E873" s="1" t="str">
        <f t="shared" ref="E873:E901" si="183" xml:space="preserve"> HYPERLINK(CONCATENATE("http://www.sap.com/community/tag.html?id=",$F873))</f>
        <v>http://www.sap.com/community/tag.html?id=01200615320800001278</v>
      </c>
      <c r="F873" s="23" t="s">
        <v>3082</v>
      </c>
      <c r="G873"/>
      <c r="H873"/>
      <c r="I873"/>
      <c r="J873"/>
    </row>
    <row r="874" spans="1:10" x14ac:dyDescent="0.25">
      <c r="A874" s="7"/>
      <c r="B874"/>
      <c r="C874" s="23" t="s">
        <v>2046</v>
      </c>
      <c r="D874" s="23" t="s">
        <v>2241</v>
      </c>
      <c r="E874" s="1" t="str">
        <f t="shared" si="183"/>
        <v>http://www.sap.com/community/tag.html?id=01200314690800001501</v>
      </c>
      <c r="F874" s="23" t="s">
        <v>3083</v>
      </c>
      <c r="G874"/>
      <c r="H874"/>
      <c r="I874"/>
      <c r="J874"/>
    </row>
    <row r="875" spans="1:10" x14ac:dyDescent="0.25">
      <c r="A875" s="7"/>
      <c r="B875"/>
      <c r="C875" s="23" t="s">
        <v>274</v>
      </c>
      <c r="D875" s="23" t="s">
        <v>2241</v>
      </c>
      <c r="E875" s="1" t="str">
        <f t="shared" si="183"/>
        <v>http://www.sap.com/community/tag.html?id=01200615320800003640</v>
      </c>
      <c r="F875" s="23" t="s">
        <v>3084</v>
      </c>
      <c r="G875"/>
      <c r="H875"/>
      <c r="I875"/>
      <c r="J875"/>
    </row>
    <row r="876" spans="1:10" x14ac:dyDescent="0.25">
      <c r="A876" s="7"/>
      <c r="B876"/>
      <c r="C876" s="23" t="s">
        <v>237</v>
      </c>
      <c r="D876" s="23" t="s">
        <v>2241</v>
      </c>
      <c r="E876" s="1" t="str">
        <f t="shared" si="183"/>
        <v>http://www.sap.com/community/tag.html?id=67838200100800006059</v>
      </c>
      <c r="F876" s="23" t="s">
        <v>3085</v>
      </c>
      <c r="G876"/>
      <c r="H876"/>
      <c r="I876"/>
      <c r="J876"/>
    </row>
    <row r="877" spans="1:10" x14ac:dyDescent="0.25">
      <c r="A877" s="7"/>
      <c r="B877"/>
      <c r="C877" s="23" t="s">
        <v>911</v>
      </c>
      <c r="D877" s="23" t="s">
        <v>2241</v>
      </c>
      <c r="E877" s="1" t="str">
        <f t="shared" si="183"/>
        <v>http://www.sap.com/community/tag.html?id=67838200100800006101</v>
      </c>
      <c r="F877" s="23" t="s">
        <v>3086</v>
      </c>
      <c r="G877"/>
      <c r="H877"/>
      <c r="I877"/>
      <c r="J877"/>
    </row>
    <row r="878" spans="1:10" x14ac:dyDescent="0.25">
      <c r="A878" s="7"/>
      <c r="B878"/>
      <c r="C878" s="23" t="s">
        <v>1638</v>
      </c>
      <c r="D878" s="23" t="s">
        <v>2241</v>
      </c>
      <c r="E878" s="1" t="str">
        <f t="shared" si="183"/>
        <v>http://www.sap.com/community/tag.html?id=01200615320800002087</v>
      </c>
      <c r="F878" s="23" t="s">
        <v>3087</v>
      </c>
      <c r="G878"/>
      <c r="H878"/>
      <c r="I878"/>
      <c r="J878"/>
    </row>
    <row r="879" spans="1:10" x14ac:dyDescent="0.25">
      <c r="A879" s="7"/>
      <c r="B879"/>
      <c r="C879" s="23" t="s">
        <v>1037</v>
      </c>
      <c r="D879" s="23" t="s">
        <v>2241</v>
      </c>
      <c r="E879" s="1" t="str">
        <f t="shared" si="183"/>
        <v>http://www.sap.com/community/tag.html?id=67838200100800006104</v>
      </c>
      <c r="F879" s="23" t="s">
        <v>3088</v>
      </c>
      <c r="G879"/>
      <c r="H879"/>
      <c r="I879"/>
      <c r="J879"/>
    </row>
    <row r="880" spans="1:10" x14ac:dyDescent="0.25">
      <c r="A880" s="7"/>
      <c r="B880"/>
      <c r="C880" s="23" t="s">
        <v>20</v>
      </c>
      <c r="D880" s="23" t="s">
        <v>2241</v>
      </c>
      <c r="E880" s="1" t="str">
        <f t="shared" si="183"/>
        <v>http://www.sap.com/community/tag.html?id=67838200100800006790</v>
      </c>
      <c r="F880" s="23" t="s">
        <v>3089</v>
      </c>
      <c r="G880"/>
      <c r="H880"/>
      <c r="I880"/>
      <c r="J880"/>
    </row>
    <row r="881" spans="1:10" x14ac:dyDescent="0.25">
      <c r="A881" s="7"/>
      <c r="B881"/>
      <c r="C881" s="23" t="s">
        <v>1710</v>
      </c>
      <c r="D881" s="23" t="s">
        <v>2241</v>
      </c>
      <c r="E881" s="1" t="str">
        <f t="shared" si="183"/>
        <v>http://www.sap.com/community/tag.html?id=67838200100800006105</v>
      </c>
      <c r="F881" s="23" t="s">
        <v>3090</v>
      </c>
      <c r="G881"/>
      <c r="H881"/>
      <c r="I881"/>
      <c r="J881"/>
    </row>
    <row r="882" spans="1:10" x14ac:dyDescent="0.25">
      <c r="A882" s="7"/>
      <c r="B882"/>
      <c r="C882" s="23" t="s">
        <v>2219</v>
      </c>
      <c r="D882" s="23" t="s">
        <v>2241</v>
      </c>
      <c r="E882" s="1" t="str">
        <f t="shared" si="183"/>
        <v>http://www.sap.com/community/tag.html?id=01200615320800002026</v>
      </c>
      <c r="F882" s="23" t="s">
        <v>3091</v>
      </c>
      <c r="G882"/>
      <c r="H882"/>
      <c r="I882"/>
      <c r="J882"/>
    </row>
    <row r="883" spans="1:10" x14ac:dyDescent="0.25">
      <c r="A883" s="7"/>
      <c r="B883"/>
      <c r="C883" s="23" t="s">
        <v>1929</v>
      </c>
      <c r="D883" s="23" t="s">
        <v>2241</v>
      </c>
      <c r="E883" s="1" t="str">
        <f t="shared" si="183"/>
        <v>http://www.sap.com/community/tag.html?id=01200615320800002339</v>
      </c>
      <c r="F883" s="23" t="s">
        <v>3092</v>
      </c>
      <c r="G883"/>
      <c r="H883"/>
      <c r="I883"/>
      <c r="J883"/>
    </row>
    <row r="884" spans="1:10" x14ac:dyDescent="0.25">
      <c r="A884" s="7"/>
      <c r="B884"/>
      <c r="C884" s="23" t="s">
        <v>727</v>
      </c>
      <c r="D884" s="23" t="s">
        <v>2241</v>
      </c>
      <c r="E884" s="1" t="str">
        <f t="shared" si="183"/>
        <v>http://www.sap.com/community/tag.html?id=67838200100800006100</v>
      </c>
      <c r="F884" s="23" t="s">
        <v>3093</v>
      </c>
      <c r="G884"/>
      <c r="H884"/>
      <c r="I884"/>
      <c r="J884"/>
    </row>
    <row r="885" spans="1:10" x14ac:dyDescent="0.25">
      <c r="A885" s="7"/>
      <c r="B885"/>
      <c r="C885" s="23" t="s">
        <v>705</v>
      </c>
      <c r="D885" s="23" t="s">
        <v>2241</v>
      </c>
      <c r="E885" s="1" t="str">
        <f t="shared" si="183"/>
        <v>http://www.sap.com/community/tag.html?id=67838200100800006472</v>
      </c>
      <c r="F885" s="23" t="s">
        <v>3094</v>
      </c>
      <c r="G885"/>
      <c r="H885"/>
      <c r="I885"/>
      <c r="J885"/>
    </row>
    <row r="886" spans="1:10" x14ac:dyDescent="0.25">
      <c r="A886" s="7"/>
      <c r="B886"/>
      <c r="C886" s="23" t="s">
        <v>1662</v>
      </c>
      <c r="D886" s="23" t="s">
        <v>2241</v>
      </c>
      <c r="E886" s="1" t="str">
        <f t="shared" si="183"/>
        <v>http://www.sap.com/community/tag.html?id=67838200100800006791</v>
      </c>
      <c r="F886" s="23" t="s">
        <v>3095</v>
      </c>
      <c r="G886"/>
      <c r="H886"/>
      <c r="I886"/>
      <c r="J886"/>
    </row>
    <row r="887" spans="1:10" x14ac:dyDescent="0.25">
      <c r="A887" s="7"/>
      <c r="B887"/>
      <c r="C887" s="23" t="s">
        <v>1091</v>
      </c>
      <c r="D887" s="23" t="s">
        <v>2241</v>
      </c>
      <c r="E887" s="1" t="str">
        <f t="shared" si="183"/>
        <v>http://www.sap.com/community/tag.html?id=67838200100800006792</v>
      </c>
      <c r="F887" s="23" t="s">
        <v>3096</v>
      </c>
      <c r="G887"/>
      <c r="H887"/>
      <c r="I887"/>
      <c r="J887"/>
    </row>
    <row r="888" spans="1:10" x14ac:dyDescent="0.25">
      <c r="A888" s="7"/>
      <c r="B888"/>
      <c r="C888" s="23" t="s">
        <v>1110</v>
      </c>
      <c r="D888" s="23" t="s">
        <v>2241</v>
      </c>
      <c r="E888" s="1" t="str">
        <f t="shared" si="183"/>
        <v>http://www.sap.com/community/tag.html?id=67838200100800006102</v>
      </c>
      <c r="F888" s="23" t="s">
        <v>3097</v>
      </c>
      <c r="G888"/>
      <c r="H888"/>
      <c r="I888"/>
      <c r="J888"/>
    </row>
    <row r="889" spans="1:10" x14ac:dyDescent="0.25">
      <c r="A889" s="7"/>
      <c r="B889"/>
      <c r="C889" s="23" t="s">
        <v>1402</v>
      </c>
      <c r="D889" s="23" t="s">
        <v>2241</v>
      </c>
      <c r="E889" s="1" t="str">
        <f t="shared" si="183"/>
        <v>http://www.sap.com/community/tag.html?id=67838200100800006370</v>
      </c>
      <c r="F889" s="23" t="s">
        <v>3098</v>
      </c>
      <c r="G889"/>
      <c r="H889"/>
      <c r="I889"/>
      <c r="J889"/>
    </row>
    <row r="890" spans="1:10" x14ac:dyDescent="0.25">
      <c r="A890" s="7"/>
      <c r="B890"/>
      <c r="C890" s="23" t="s">
        <v>1161</v>
      </c>
      <c r="D890" s="23" t="s">
        <v>2241</v>
      </c>
      <c r="E890" s="1" t="str">
        <f t="shared" si="183"/>
        <v>http://www.sap.com/community/tag.html?id=67838200100800006106</v>
      </c>
      <c r="F890" s="23" t="s">
        <v>3099</v>
      </c>
      <c r="G890"/>
      <c r="H890"/>
      <c r="I890"/>
      <c r="J890"/>
    </row>
    <row r="891" spans="1:10" x14ac:dyDescent="0.25">
      <c r="A891" s="7"/>
      <c r="B891"/>
      <c r="C891" s="23" t="s">
        <v>1350</v>
      </c>
      <c r="D891" s="23" t="s">
        <v>2241</v>
      </c>
      <c r="E891" s="1" t="str">
        <f t="shared" si="183"/>
        <v>http://www.sap.com/community/tag.html?id=67838200100800006098</v>
      </c>
      <c r="F891" s="23" t="s">
        <v>3100</v>
      </c>
      <c r="G891"/>
      <c r="H891"/>
      <c r="I891"/>
      <c r="J891"/>
    </row>
    <row r="892" spans="1:10" x14ac:dyDescent="0.25">
      <c r="A892" s="7"/>
      <c r="B892"/>
      <c r="C892" s="23" t="s">
        <v>311</v>
      </c>
      <c r="D892" s="23" t="s">
        <v>2241</v>
      </c>
      <c r="E892" s="1" t="str">
        <f t="shared" si="183"/>
        <v>http://www.sap.com/community/tag.html?id=67838200100800006103</v>
      </c>
      <c r="F892" s="23" t="s">
        <v>3101</v>
      </c>
      <c r="G892"/>
      <c r="H892"/>
      <c r="I892"/>
      <c r="J892"/>
    </row>
    <row r="893" spans="1:10" x14ac:dyDescent="0.25">
      <c r="A893" s="7"/>
      <c r="B893"/>
      <c r="C893" s="23" t="s">
        <v>2042</v>
      </c>
      <c r="D893" s="23" t="s">
        <v>2241</v>
      </c>
      <c r="E893" s="1" t="str">
        <f t="shared" si="183"/>
        <v>http://www.sap.com/community/tag.html?id=01200615320800003547</v>
      </c>
      <c r="F893" s="23" t="s">
        <v>3102</v>
      </c>
      <c r="G893"/>
      <c r="H893"/>
      <c r="I893"/>
      <c r="J893"/>
    </row>
    <row r="894" spans="1:10" x14ac:dyDescent="0.25">
      <c r="A894" s="7"/>
      <c r="B894"/>
      <c r="C894" s="23" t="s">
        <v>524</v>
      </c>
      <c r="D894" s="23" t="s">
        <v>2241</v>
      </c>
      <c r="E894" s="1" t="str">
        <f t="shared" si="183"/>
        <v>http://www.sap.com/community/tag.html?id=67838200100800006471</v>
      </c>
      <c r="F894" s="23" t="s">
        <v>3103</v>
      </c>
      <c r="G894"/>
      <c r="H894"/>
      <c r="I894"/>
      <c r="J894"/>
    </row>
    <row r="895" spans="1:10" x14ac:dyDescent="0.25">
      <c r="A895" s="7"/>
      <c r="B895"/>
      <c r="C895" s="23" t="s">
        <v>454</v>
      </c>
      <c r="D895" s="23" t="s">
        <v>2241</v>
      </c>
      <c r="E895" s="1" t="str">
        <f t="shared" si="183"/>
        <v>http://www.sap.com/community/tag.html?id=67838200100800006099</v>
      </c>
      <c r="F895" s="23" t="s">
        <v>3104</v>
      </c>
      <c r="G895"/>
      <c r="H895"/>
      <c r="I895"/>
      <c r="J895"/>
    </row>
    <row r="896" spans="1:10" x14ac:dyDescent="0.25">
      <c r="A896" s="7"/>
      <c r="B896"/>
      <c r="C896" s="23" t="s">
        <v>1179</v>
      </c>
      <c r="D896" s="23" t="s">
        <v>2241</v>
      </c>
      <c r="E896" s="1" t="str">
        <f t="shared" si="183"/>
        <v>http://www.sap.com/community/tag.html?id=01200615320800001279</v>
      </c>
      <c r="F896" s="23" t="s">
        <v>3105</v>
      </c>
      <c r="G896"/>
      <c r="H896"/>
      <c r="I896"/>
      <c r="J896"/>
    </row>
    <row r="897" spans="1:10" x14ac:dyDescent="0.25">
      <c r="A897" s="7"/>
      <c r="B897" s="23"/>
      <c r="C897" t="s">
        <v>1537</v>
      </c>
      <c r="D897" s="23" t="s">
        <v>2241</v>
      </c>
      <c r="E897" s="1" t="str">
        <f t="shared" si="183"/>
        <v>http://www.sap.com/community/tag.html?id=67838200100800006793</v>
      </c>
      <c r="F897" s="23" t="s">
        <v>3106</v>
      </c>
      <c r="G897"/>
      <c r="H897"/>
      <c r="I897"/>
      <c r="J897"/>
    </row>
    <row r="898" spans="1:10" x14ac:dyDescent="0.25">
      <c r="A898" s="7"/>
      <c r="B898"/>
      <c r="C898" s="23" t="s">
        <v>493</v>
      </c>
      <c r="D898" s="23" t="s">
        <v>2241</v>
      </c>
      <c r="E898" s="1" t="str">
        <f t="shared" si="183"/>
        <v>http://www.sap.com/community/tag.html?id=01200615320800002338</v>
      </c>
      <c r="F898" s="23" t="s">
        <v>3107</v>
      </c>
      <c r="G898"/>
      <c r="H898"/>
      <c r="I898"/>
      <c r="J898"/>
    </row>
    <row r="899" spans="1:10" x14ac:dyDescent="0.25">
      <c r="A899" s="7"/>
      <c r="B899" s="23"/>
      <c r="C899" t="s">
        <v>1771</v>
      </c>
      <c r="D899" s="23" t="s">
        <v>2241</v>
      </c>
      <c r="E899" s="1" t="str">
        <f t="shared" si="183"/>
        <v>http://www.sap.com/community/tag.html?id=67838200100800006470</v>
      </c>
      <c r="F899" s="23" t="s">
        <v>3108</v>
      </c>
      <c r="G899"/>
      <c r="H899"/>
      <c r="I899"/>
      <c r="J899"/>
    </row>
    <row r="900" spans="1:10" x14ac:dyDescent="0.25">
      <c r="A900" s="7"/>
      <c r="B900"/>
      <c r="C900" s="23" t="s">
        <v>594</v>
      </c>
      <c r="D900" s="23" t="s">
        <v>2241</v>
      </c>
      <c r="E900" s="1" t="str">
        <f t="shared" si="183"/>
        <v>http://www.sap.com/community/tag.html?id=01200314690800000821</v>
      </c>
      <c r="F900" s="23" t="s">
        <v>3109</v>
      </c>
      <c r="G900"/>
      <c r="H900"/>
      <c r="I900"/>
      <c r="J900"/>
    </row>
    <row r="901" spans="1:10" x14ac:dyDescent="0.25">
      <c r="A901" s="7"/>
      <c r="B901"/>
      <c r="C901" s="23" t="s">
        <v>288</v>
      </c>
      <c r="D901" s="23" t="s">
        <v>2241</v>
      </c>
      <c r="E901" s="1" t="str">
        <f t="shared" si="183"/>
        <v>http://www.sap.com/community/tag.html?id=01200615320800001277</v>
      </c>
      <c r="F901" s="23" t="s">
        <v>3110</v>
      </c>
      <c r="G901"/>
      <c r="H901"/>
      <c r="I901"/>
      <c r="J901"/>
    </row>
    <row r="902" spans="1:10" x14ac:dyDescent="0.25">
      <c r="A902" s="7"/>
      <c r="B902" s="23" t="s">
        <v>76</v>
      </c>
      <c r="C902"/>
      <c r="D902" s="7" t="s">
        <v>5032</v>
      </c>
      <c r="E902" s="1"/>
      <c r="F902" s="23" t="s">
        <v>3111</v>
      </c>
      <c r="G902"/>
      <c r="H902"/>
      <c r="I902"/>
      <c r="J902"/>
    </row>
    <row r="903" spans="1:10" x14ac:dyDescent="0.25">
      <c r="A903" s="7"/>
      <c r="B903"/>
      <c r="C903" s="23" t="s">
        <v>76</v>
      </c>
      <c r="D903" s="23" t="s">
        <v>2241</v>
      </c>
      <c r="E903" s="1" t="str">
        <f t="shared" ref="E903" si="184" xml:space="preserve"> HYPERLINK(CONCATENATE("http://www.sap.com/community/tag.html?id=",$F903))</f>
        <v>http://www.sap.com/community/tag.html?id=73555000100800000134</v>
      </c>
      <c r="F903" s="23" t="s">
        <v>3112</v>
      </c>
      <c r="G903"/>
      <c r="H903"/>
      <c r="I903"/>
      <c r="J903"/>
    </row>
    <row r="904" spans="1:10" x14ac:dyDescent="0.25">
      <c r="A904" s="7"/>
      <c r="B904" t="s">
        <v>883</v>
      </c>
      <c r="C904" s="23"/>
      <c r="D904" s="7" t="s">
        <v>5032</v>
      </c>
      <c r="E904" s="1"/>
      <c r="F904" s="23" t="s">
        <v>3113</v>
      </c>
      <c r="G904"/>
      <c r="H904"/>
      <c r="I904"/>
      <c r="J904"/>
    </row>
    <row r="905" spans="1:10" x14ac:dyDescent="0.25">
      <c r="A905" s="7"/>
      <c r="B905" s="23"/>
      <c r="C905" t="s">
        <v>883</v>
      </c>
      <c r="D905" s="23" t="s">
        <v>2241</v>
      </c>
      <c r="E905" s="1" t="str">
        <f t="shared" ref="E905:E906" si="185" xml:space="preserve"> HYPERLINK(CONCATENATE("http://www.sap.com/community/tag.html?id=",$F905))</f>
        <v>http://www.sap.com/community/tag.html?id=67837800100800006765</v>
      </c>
      <c r="F905" s="23" t="s">
        <v>3114</v>
      </c>
      <c r="G905"/>
      <c r="H905"/>
      <c r="I905"/>
      <c r="J905"/>
    </row>
    <row r="906" spans="1:10" x14ac:dyDescent="0.25">
      <c r="A906" s="7"/>
      <c r="B906"/>
      <c r="C906" s="23" t="s">
        <v>1588</v>
      </c>
      <c r="D906" s="23" t="s">
        <v>2241</v>
      </c>
      <c r="E906" s="1" t="str">
        <f t="shared" si="185"/>
        <v>http://www.sap.com/community/tag.html?id=67837800100800006267</v>
      </c>
      <c r="F906" s="23" t="s">
        <v>3115</v>
      </c>
      <c r="G906"/>
      <c r="H906"/>
      <c r="I906"/>
      <c r="J906"/>
    </row>
    <row r="907" spans="1:10" x14ac:dyDescent="0.25">
      <c r="A907" s="7"/>
      <c r="B907" t="s">
        <v>501</v>
      </c>
      <c r="C907" s="23"/>
      <c r="D907" s="7" t="s">
        <v>5032</v>
      </c>
      <c r="E907" s="1"/>
      <c r="F907" s="23" t="s">
        <v>3116</v>
      </c>
      <c r="G907"/>
      <c r="H907"/>
      <c r="I907"/>
      <c r="J907"/>
    </row>
    <row r="908" spans="1:10" x14ac:dyDescent="0.25">
      <c r="A908" s="7"/>
      <c r="B908" s="23"/>
      <c r="C908" t="s">
        <v>501</v>
      </c>
      <c r="D908" s="23" t="s">
        <v>2241</v>
      </c>
      <c r="E908" s="1" t="str">
        <f t="shared" ref="E908:E909" si="186" xml:space="preserve"> HYPERLINK(CONCATENATE("http://www.sap.com/community/tag.html?id=",$F908))</f>
        <v>http://www.sap.com/community/tag.html?id=01200314690800001657</v>
      </c>
      <c r="F908" s="23" t="s">
        <v>3117</v>
      </c>
      <c r="G908"/>
      <c r="H908"/>
      <c r="I908"/>
      <c r="J908"/>
    </row>
    <row r="909" spans="1:10" x14ac:dyDescent="0.25">
      <c r="A909" s="7"/>
      <c r="B909"/>
      <c r="C909" s="23" t="s">
        <v>452</v>
      </c>
      <c r="D909" s="23" t="s">
        <v>2241</v>
      </c>
      <c r="E909" s="1" t="str">
        <f t="shared" si="186"/>
        <v>http://www.sap.com/community/tag.html?id=67838200100800006577</v>
      </c>
      <c r="F909" s="23" t="s">
        <v>3118</v>
      </c>
      <c r="G909"/>
      <c r="H909"/>
      <c r="I909"/>
      <c r="J909"/>
    </row>
    <row r="910" spans="1:10" x14ac:dyDescent="0.25">
      <c r="A910" s="7"/>
      <c r="B910" t="s">
        <v>944</v>
      </c>
      <c r="C910" s="23"/>
      <c r="D910" s="7" t="s">
        <v>5032</v>
      </c>
      <c r="E910" s="1"/>
      <c r="F910" s="23" t="s">
        <v>3119</v>
      </c>
      <c r="G910"/>
      <c r="H910"/>
      <c r="I910"/>
      <c r="J910"/>
    </row>
    <row r="911" spans="1:10" x14ac:dyDescent="0.25">
      <c r="A911" s="7"/>
      <c r="B911"/>
      <c r="C911" s="23" t="s">
        <v>944</v>
      </c>
      <c r="D911" s="23" t="s">
        <v>2241</v>
      </c>
      <c r="E911" s="1" t="str">
        <f t="shared" ref="E911:E912" si="187" xml:space="preserve"> HYPERLINK(CONCATENATE("http://www.sap.com/community/tag.html?id=",$F911))</f>
        <v>http://www.sap.com/community/tag.html?id=01200314690800002024</v>
      </c>
      <c r="F911" s="23" t="s">
        <v>3120</v>
      </c>
      <c r="G911"/>
      <c r="H911"/>
      <c r="I911"/>
      <c r="J911"/>
    </row>
    <row r="912" spans="1:10" x14ac:dyDescent="0.25">
      <c r="A912" s="7"/>
      <c r="B912" s="23"/>
      <c r="C912" t="s">
        <v>1347</v>
      </c>
      <c r="D912" s="23" t="s">
        <v>2241</v>
      </c>
      <c r="E912" s="1" t="str">
        <f t="shared" si="187"/>
        <v>http://www.sap.com/community/tag.html?id=67837800100800006266</v>
      </c>
      <c r="F912" s="23" t="s">
        <v>3121</v>
      </c>
      <c r="G912"/>
      <c r="H912"/>
      <c r="I912"/>
      <c r="J912"/>
    </row>
    <row r="913" spans="1:10" x14ac:dyDescent="0.25">
      <c r="A913" s="7"/>
      <c r="B913" t="s">
        <v>609</v>
      </c>
      <c r="C913" s="23"/>
      <c r="D913" s="7" t="s">
        <v>5032</v>
      </c>
      <c r="E913" s="1"/>
      <c r="F913" s="23" t="s">
        <v>3122</v>
      </c>
      <c r="G913"/>
      <c r="H913"/>
      <c r="I913"/>
      <c r="J913"/>
    </row>
    <row r="914" spans="1:10" x14ac:dyDescent="0.25">
      <c r="A914" s="7"/>
      <c r="B914"/>
      <c r="C914" s="23" t="s">
        <v>1157</v>
      </c>
      <c r="D914" s="23" t="s">
        <v>2241</v>
      </c>
      <c r="E914" s="1" t="str">
        <f t="shared" ref="E914:E916" si="188" xml:space="preserve"> HYPERLINK(CONCATENATE("http://www.sap.com/community/tag.html?id=",$F914))</f>
        <v>http://www.sap.com/community/tag.html?id=01200314690800002977</v>
      </c>
      <c r="F914" s="23" t="s">
        <v>3123</v>
      </c>
      <c r="G914"/>
      <c r="H914"/>
      <c r="I914"/>
      <c r="J914"/>
    </row>
    <row r="915" spans="1:10" x14ac:dyDescent="0.25">
      <c r="A915" s="7"/>
      <c r="B915"/>
      <c r="C915" s="23" t="s">
        <v>609</v>
      </c>
      <c r="D915" s="23" t="s">
        <v>2241</v>
      </c>
      <c r="E915" s="1" t="str">
        <f t="shared" si="188"/>
        <v>http://www.sap.com/community/tag.html?id=01200615320800002710</v>
      </c>
      <c r="F915" s="23" t="s">
        <v>3124</v>
      </c>
      <c r="G915"/>
      <c r="H915"/>
      <c r="I915"/>
      <c r="J915"/>
    </row>
    <row r="916" spans="1:10" x14ac:dyDescent="0.25">
      <c r="A916" s="7"/>
      <c r="B916" s="23"/>
      <c r="C916" t="s">
        <v>1576</v>
      </c>
      <c r="D916" s="23" t="s">
        <v>2241</v>
      </c>
      <c r="E916" s="1" t="str">
        <f t="shared" si="188"/>
        <v>http://www.sap.com/community/tag.html?id=67838200100800005841</v>
      </c>
      <c r="F916" s="23" t="s">
        <v>3125</v>
      </c>
      <c r="G916"/>
      <c r="H916"/>
      <c r="I916"/>
      <c r="J916"/>
    </row>
    <row r="917" spans="1:10" x14ac:dyDescent="0.25">
      <c r="A917" s="7"/>
      <c r="B917" t="s">
        <v>1706</v>
      </c>
      <c r="C917" s="23"/>
      <c r="D917" s="7" t="s">
        <v>5032</v>
      </c>
      <c r="E917" s="1"/>
      <c r="F917" s="23" t="s">
        <v>3126</v>
      </c>
      <c r="G917"/>
      <c r="H917"/>
      <c r="I917"/>
      <c r="J917"/>
    </row>
    <row r="918" spans="1:10" x14ac:dyDescent="0.25">
      <c r="A918" s="7"/>
      <c r="B918" s="23"/>
      <c r="C918" t="s">
        <v>1706</v>
      </c>
      <c r="D918" s="23" t="s">
        <v>2241</v>
      </c>
      <c r="E918" s="1" t="str">
        <f t="shared" ref="E918:E920" si="189" xml:space="preserve"> HYPERLINK(CONCATENATE("http://www.sap.com/community/tag.html?id=",$F918))</f>
        <v>http://www.sap.com/community/tag.html?id=67837800100800004488</v>
      </c>
      <c r="F918" s="23" t="s">
        <v>3127</v>
      </c>
      <c r="G918"/>
      <c r="H918"/>
      <c r="I918"/>
      <c r="J918"/>
    </row>
    <row r="919" spans="1:10" x14ac:dyDescent="0.25">
      <c r="A919" s="7"/>
      <c r="B919"/>
      <c r="C919" s="23" t="s">
        <v>1322</v>
      </c>
      <c r="D919" s="23" t="s">
        <v>2241</v>
      </c>
      <c r="E919" s="1" t="str">
        <f t="shared" si="189"/>
        <v>http://www.sap.com/community/tag.html?id=73554900100800000052</v>
      </c>
      <c r="F919" s="23" t="s">
        <v>3128</v>
      </c>
      <c r="G919"/>
      <c r="H919"/>
      <c r="I919"/>
      <c r="J919"/>
    </row>
    <row r="920" spans="1:10" x14ac:dyDescent="0.25">
      <c r="A920" s="7"/>
      <c r="B920" s="23"/>
      <c r="C920" t="s">
        <v>1607</v>
      </c>
      <c r="D920" s="23" t="s">
        <v>2241</v>
      </c>
      <c r="E920" s="1" t="str">
        <f t="shared" si="189"/>
        <v>http://www.sap.com/community/tag.html?id=73554900100800000572</v>
      </c>
      <c r="F920" s="23" t="s">
        <v>3129</v>
      </c>
      <c r="G920"/>
      <c r="H920"/>
      <c r="I920"/>
      <c r="J920"/>
    </row>
    <row r="921" spans="1:10" x14ac:dyDescent="0.25">
      <c r="A921" s="7"/>
      <c r="B921" t="s">
        <v>988</v>
      </c>
      <c r="C921" s="23"/>
      <c r="D921" s="7" t="s">
        <v>5032</v>
      </c>
      <c r="E921" s="1"/>
      <c r="F921" s="23" t="s">
        <v>3130</v>
      </c>
      <c r="G921"/>
      <c r="H921"/>
      <c r="I921"/>
      <c r="J921"/>
    </row>
    <row r="922" spans="1:10" x14ac:dyDescent="0.25">
      <c r="A922" s="7"/>
      <c r="B922"/>
      <c r="C922" s="23" t="s">
        <v>482</v>
      </c>
      <c r="D922" s="23" t="s">
        <v>2241</v>
      </c>
      <c r="E922" s="1" t="str">
        <f t="shared" ref="E922" si="190" xml:space="preserve"> HYPERLINK(CONCATENATE("http://www.sap.com/community/tag.html?id=",$F922))</f>
        <v>http://www.sap.com/community/tag.html?id=01200314690800003641</v>
      </c>
      <c r="F922" s="23" t="s">
        <v>3131</v>
      </c>
      <c r="G922"/>
      <c r="H922"/>
      <c r="I922"/>
      <c r="J922"/>
    </row>
    <row r="923" spans="1:10" x14ac:dyDescent="0.25">
      <c r="A923" s="7"/>
      <c r="B923" s="23" t="s">
        <v>769</v>
      </c>
      <c r="C923"/>
      <c r="D923" s="7" t="s">
        <v>5032</v>
      </c>
      <c r="E923" s="1"/>
      <c r="F923" s="23" t="s">
        <v>3132</v>
      </c>
      <c r="G923"/>
      <c r="H923"/>
      <c r="I923"/>
      <c r="J923"/>
    </row>
    <row r="924" spans="1:10" x14ac:dyDescent="0.25">
      <c r="A924" s="7"/>
      <c r="B924"/>
      <c r="C924" s="23" t="s">
        <v>769</v>
      </c>
      <c r="D924" s="23" t="s">
        <v>2241</v>
      </c>
      <c r="E924" s="1" t="str">
        <f t="shared" ref="E924" si="191" xml:space="preserve"> HYPERLINK(CONCATENATE("http://www.sap.com/community/tag.html?id=",$F924))</f>
        <v>http://www.sap.com/community/tag.html?id=01200314690800000339</v>
      </c>
      <c r="F924" s="23" t="s">
        <v>3133</v>
      </c>
      <c r="G924"/>
      <c r="H924"/>
      <c r="I924"/>
      <c r="J924"/>
    </row>
    <row r="925" spans="1:10" x14ac:dyDescent="0.25">
      <c r="A925" s="7"/>
      <c r="B925" t="s">
        <v>1010</v>
      </c>
      <c r="C925" s="23"/>
      <c r="D925" s="7" t="s">
        <v>5032</v>
      </c>
      <c r="E925" s="1"/>
      <c r="F925" s="23" t="s">
        <v>3134</v>
      </c>
      <c r="G925"/>
      <c r="H925"/>
      <c r="I925"/>
      <c r="J925"/>
    </row>
    <row r="926" spans="1:10" x14ac:dyDescent="0.25">
      <c r="A926" s="7"/>
      <c r="B926" s="23"/>
      <c r="C926" t="s">
        <v>1010</v>
      </c>
      <c r="D926" s="23" t="s">
        <v>2241</v>
      </c>
      <c r="E926" s="1" t="str">
        <f t="shared" ref="E926:E927" si="192" xml:space="preserve"> HYPERLINK(CONCATENATE("http://www.sap.com/community/tag.html?id=",$F926))</f>
        <v>http://www.sap.com/community/tag.html?id=67838200100800006499</v>
      </c>
      <c r="F926" s="23" t="s">
        <v>3135</v>
      </c>
      <c r="G926"/>
      <c r="H926"/>
      <c r="I926"/>
      <c r="J926"/>
    </row>
    <row r="927" spans="1:10" x14ac:dyDescent="0.25">
      <c r="A927" s="7"/>
      <c r="B927"/>
      <c r="C927" s="23" t="s">
        <v>209</v>
      </c>
      <c r="D927" s="23" t="s">
        <v>2241</v>
      </c>
      <c r="E927" s="1" t="str">
        <f t="shared" si="192"/>
        <v>http://www.sap.com/community/tag.html?id=67838200100800005270</v>
      </c>
      <c r="F927" s="23" t="s">
        <v>3136</v>
      </c>
      <c r="G927"/>
      <c r="H927"/>
      <c r="I927"/>
      <c r="J927"/>
    </row>
    <row r="928" spans="1:10" x14ac:dyDescent="0.25">
      <c r="A928" s="7"/>
      <c r="B928" t="s">
        <v>936</v>
      </c>
      <c r="C928" s="23"/>
      <c r="D928" s="7" t="s">
        <v>5032</v>
      </c>
      <c r="E928" s="1"/>
      <c r="F928" s="23" t="s">
        <v>3137</v>
      </c>
      <c r="G928"/>
      <c r="H928"/>
      <c r="I928"/>
      <c r="J928"/>
    </row>
    <row r="929" spans="1:10" x14ac:dyDescent="0.25">
      <c r="A929" s="7"/>
      <c r="B929"/>
      <c r="C929" s="23" t="s">
        <v>936</v>
      </c>
      <c r="D929" s="23" t="s">
        <v>2241</v>
      </c>
      <c r="E929" s="1" t="str">
        <f t="shared" ref="E929:E930" si="193" xml:space="preserve"> HYPERLINK(CONCATENATE("http://www.sap.com/community/tag.html?id=",$F929))</f>
        <v>http://www.sap.com/community/tag.html?id=73554900100800000015</v>
      </c>
      <c r="F929" s="23" t="s">
        <v>3138</v>
      </c>
      <c r="G929"/>
      <c r="H929"/>
      <c r="I929"/>
      <c r="J929"/>
    </row>
    <row r="930" spans="1:10" x14ac:dyDescent="0.25">
      <c r="A930" s="7"/>
      <c r="B930"/>
      <c r="C930" s="23" t="s">
        <v>1959</v>
      </c>
      <c r="D930" s="23" t="s">
        <v>2241</v>
      </c>
      <c r="E930" s="1" t="str">
        <f t="shared" si="193"/>
        <v>http://www.sap.com/community/tag.html?id=67838200100800005271</v>
      </c>
      <c r="F930" s="23" t="s">
        <v>3139</v>
      </c>
      <c r="G930"/>
      <c r="H930"/>
      <c r="I930"/>
      <c r="J930"/>
    </row>
    <row r="931" spans="1:10" x14ac:dyDescent="0.25">
      <c r="A931" s="7"/>
      <c r="B931" t="s">
        <v>1613</v>
      </c>
      <c r="C931" s="23"/>
      <c r="D931" s="7" t="s">
        <v>5032</v>
      </c>
      <c r="E931" s="1"/>
      <c r="F931" s="23" t="s">
        <v>3140</v>
      </c>
      <c r="G931"/>
      <c r="H931"/>
      <c r="I931"/>
      <c r="J931"/>
    </row>
    <row r="932" spans="1:10" x14ac:dyDescent="0.25">
      <c r="A932" s="7"/>
      <c r="B932"/>
      <c r="C932" s="23" t="s">
        <v>601</v>
      </c>
      <c r="D932" s="23" t="s">
        <v>2241</v>
      </c>
      <c r="E932" s="1" t="str">
        <f t="shared" ref="E932:E944" si="194" xml:space="preserve"> HYPERLINK(CONCATENATE("http://www.sap.com/community/tag.html?id=",$F932))</f>
        <v>http://www.sap.com/community/tag.html?id=01200314690800000918</v>
      </c>
      <c r="F932" s="23" t="s">
        <v>3141</v>
      </c>
      <c r="G932"/>
      <c r="H932"/>
      <c r="I932"/>
      <c r="J932"/>
    </row>
    <row r="933" spans="1:10" x14ac:dyDescent="0.25">
      <c r="A933" s="7"/>
      <c r="B933"/>
      <c r="C933" s="23" t="s">
        <v>2194</v>
      </c>
      <c r="D933" s="23" t="s">
        <v>2241</v>
      </c>
      <c r="E933" s="1" t="str">
        <f t="shared" si="194"/>
        <v>http://www.sap.com/community/tag.html?id=01200615320800001226</v>
      </c>
      <c r="F933" s="23" t="s">
        <v>3142</v>
      </c>
      <c r="G933"/>
      <c r="H933"/>
      <c r="I933"/>
      <c r="J933"/>
    </row>
    <row r="934" spans="1:10" x14ac:dyDescent="0.25">
      <c r="A934" s="7"/>
      <c r="B934"/>
      <c r="C934" s="23" t="s">
        <v>61</v>
      </c>
      <c r="D934" s="23" t="s">
        <v>2241</v>
      </c>
      <c r="E934" s="1" t="str">
        <f t="shared" si="194"/>
        <v>http://www.sap.com/community/tag.html?id=01200615320800001291</v>
      </c>
      <c r="F934" s="23" t="s">
        <v>3143</v>
      </c>
      <c r="G934"/>
      <c r="H934"/>
      <c r="I934"/>
      <c r="J934"/>
    </row>
    <row r="935" spans="1:10" x14ac:dyDescent="0.25">
      <c r="A935" s="7"/>
      <c r="B935"/>
      <c r="C935" s="23" t="s">
        <v>1966</v>
      </c>
      <c r="D935" s="23" t="s">
        <v>2241</v>
      </c>
      <c r="E935" s="1" t="str">
        <f t="shared" si="194"/>
        <v>http://www.sap.com/community/tag.html?id=01200615320800001217</v>
      </c>
      <c r="F935" s="23" t="s">
        <v>3144</v>
      </c>
      <c r="G935"/>
      <c r="H935"/>
      <c r="I935"/>
      <c r="J935"/>
    </row>
    <row r="936" spans="1:10" x14ac:dyDescent="0.25">
      <c r="A936" s="7"/>
      <c r="B936"/>
      <c r="C936" s="23" t="s">
        <v>841</v>
      </c>
      <c r="D936" s="23" t="s">
        <v>2241</v>
      </c>
      <c r="E936" s="1" t="str">
        <f t="shared" si="194"/>
        <v>http://www.sap.com/community/tag.html?id=01200615320800001199</v>
      </c>
      <c r="F936" s="23" t="s">
        <v>3145</v>
      </c>
      <c r="G936"/>
      <c r="H936"/>
      <c r="I936"/>
      <c r="J936"/>
    </row>
    <row r="937" spans="1:10" x14ac:dyDescent="0.25">
      <c r="A937" s="7"/>
      <c r="B937"/>
      <c r="C937" s="23" t="s">
        <v>401</v>
      </c>
      <c r="D937" s="23" t="s">
        <v>2241</v>
      </c>
      <c r="E937" s="1" t="str">
        <f t="shared" si="194"/>
        <v>http://www.sap.com/community/tag.html?id=01200615320800001260</v>
      </c>
      <c r="F937" s="23" t="s">
        <v>3146</v>
      </c>
      <c r="G937"/>
      <c r="H937"/>
      <c r="I937"/>
      <c r="J937"/>
    </row>
    <row r="938" spans="1:10" x14ac:dyDescent="0.25">
      <c r="A938" s="7"/>
      <c r="B938"/>
      <c r="C938" s="23" t="s">
        <v>1770</v>
      </c>
      <c r="D938" s="23" t="s">
        <v>2241</v>
      </c>
      <c r="E938" s="1" t="str">
        <f t="shared" si="194"/>
        <v>http://www.sap.com/community/tag.html?id=01200615320800001234</v>
      </c>
      <c r="F938" s="23" t="s">
        <v>3147</v>
      </c>
      <c r="G938"/>
      <c r="H938"/>
      <c r="I938"/>
      <c r="J938"/>
    </row>
    <row r="939" spans="1:10" x14ac:dyDescent="0.25">
      <c r="A939" s="7"/>
      <c r="B939"/>
      <c r="C939" s="23" t="s">
        <v>178</v>
      </c>
      <c r="D939" s="23" t="s">
        <v>2241</v>
      </c>
      <c r="E939" s="1" t="str">
        <f t="shared" si="194"/>
        <v>http://www.sap.com/community/tag.html?id=01200615320800001235</v>
      </c>
      <c r="F939" s="23" t="s">
        <v>3148</v>
      </c>
      <c r="G939"/>
      <c r="H939"/>
      <c r="I939"/>
      <c r="J939"/>
    </row>
    <row r="940" spans="1:10" x14ac:dyDescent="0.25">
      <c r="A940" s="7"/>
      <c r="B940" s="23"/>
      <c r="C940" t="s">
        <v>969</v>
      </c>
      <c r="D940" s="23" t="s">
        <v>2241</v>
      </c>
      <c r="E940" s="1" t="str">
        <f t="shared" si="194"/>
        <v>http://www.sap.com/community/tag.html?id=01200615320800001252</v>
      </c>
      <c r="F940" s="23" t="s">
        <v>3149</v>
      </c>
      <c r="G940"/>
      <c r="H940"/>
      <c r="I940"/>
      <c r="J940"/>
    </row>
    <row r="941" spans="1:10" x14ac:dyDescent="0.25">
      <c r="A941" s="7"/>
      <c r="B941"/>
      <c r="C941" s="23" t="s">
        <v>1654</v>
      </c>
      <c r="D941" s="23" t="s">
        <v>2241</v>
      </c>
      <c r="E941" s="1" t="str">
        <f t="shared" si="194"/>
        <v>http://www.sap.com/community/tag.html?id=01200615320800001253</v>
      </c>
      <c r="F941" s="23" t="s">
        <v>3150</v>
      </c>
      <c r="G941"/>
      <c r="H941"/>
      <c r="I941"/>
      <c r="J941"/>
    </row>
    <row r="942" spans="1:10" x14ac:dyDescent="0.25">
      <c r="A942" s="7"/>
      <c r="B942"/>
      <c r="C942" s="23" t="s">
        <v>2112</v>
      </c>
      <c r="D942" s="23" t="s">
        <v>2241</v>
      </c>
      <c r="E942" s="1" t="str">
        <f t="shared" si="194"/>
        <v>http://www.sap.com/community/tag.html?id=01200615320800001262</v>
      </c>
      <c r="F942" s="23" t="s">
        <v>3151</v>
      </c>
      <c r="G942"/>
      <c r="H942"/>
      <c r="I942"/>
      <c r="J942"/>
    </row>
    <row r="943" spans="1:10" x14ac:dyDescent="0.25">
      <c r="A943" s="7"/>
      <c r="B943"/>
      <c r="C943" s="23" t="s">
        <v>2159</v>
      </c>
      <c r="D943" s="23" t="s">
        <v>2241</v>
      </c>
      <c r="E943" s="1" t="str">
        <f t="shared" si="194"/>
        <v>http://www.sap.com/community/tag.html?id=01200615320800001201</v>
      </c>
      <c r="F943" s="23" t="s">
        <v>3152</v>
      </c>
      <c r="G943"/>
      <c r="H943"/>
      <c r="I943"/>
      <c r="J943"/>
    </row>
    <row r="944" spans="1:10" x14ac:dyDescent="0.25">
      <c r="A944" s="7"/>
      <c r="B944" s="23"/>
      <c r="C944" t="s">
        <v>1462</v>
      </c>
      <c r="D944" s="23" t="s">
        <v>2241</v>
      </c>
      <c r="E944" s="1" t="str">
        <f t="shared" si="194"/>
        <v>http://www.sap.com/community/tag.html?id=01200615320800001198</v>
      </c>
      <c r="F944" s="23" t="s">
        <v>3153</v>
      </c>
      <c r="G944"/>
      <c r="H944"/>
      <c r="I944"/>
      <c r="J944"/>
    </row>
    <row r="945" spans="1:10" x14ac:dyDescent="0.25">
      <c r="A945" s="7"/>
      <c r="B945" t="s">
        <v>456</v>
      </c>
      <c r="C945" s="23"/>
      <c r="D945" s="7" t="s">
        <v>5032</v>
      </c>
      <c r="E945" s="1"/>
      <c r="F945" s="23" t="s">
        <v>3154</v>
      </c>
      <c r="G945"/>
      <c r="H945"/>
      <c r="I945"/>
      <c r="J945"/>
    </row>
    <row r="946" spans="1:10" x14ac:dyDescent="0.25">
      <c r="A946" s="7"/>
      <c r="B946"/>
      <c r="C946" s="23" t="s">
        <v>416</v>
      </c>
      <c r="D946" s="23" t="s">
        <v>2241</v>
      </c>
      <c r="E946" s="1" t="str">
        <f t="shared" ref="E946:E948" si="195" xml:space="preserve"> HYPERLINK(CONCATENATE("http://www.sap.com/community/tag.html?id=",$F946))</f>
        <v>http://www.sap.com/community/tag.html?id=67838200100800005743</v>
      </c>
      <c r="F946" s="23" t="s">
        <v>3155</v>
      </c>
      <c r="G946"/>
      <c r="H946"/>
      <c r="I946"/>
      <c r="J946"/>
    </row>
    <row r="947" spans="1:10" x14ac:dyDescent="0.25">
      <c r="A947" s="7"/>
      <c r="B947"/>
      <c r="C947" s="23" t="s">
        <v>910</v>
      </c>
      <c r="D947" s="23" t="s">
        <v>2241</v>
      </c>
      <c r="E947" s="1" t="str">
        <f t="shared" si="195"/>
        <v>http://www.sap.com/community/tag.html?id=67837800100800005567</v>
      </c>
      <c r="F947" s="23" t="s">
        <v>3156</v>
      </c>
      <c r="G947"/>
      <c r="H947"/>
      <c r="I947"/>
      <c r="J947"/>
    </row>
    <row r="948" spans="1:10" x14ac:dyDescent="0.25">
      <c r="A948" s="7"/>
      <c r="B948"/>
      <c r="C948" s="23" t="s">
        <v>456</v>
      </c>
      <c r="D948" s="23" t="s">
        <v>2241</v>
      </c>
      <c r="E948" s="1" t="str">
        <f t="shared" si="195"/>
        <v>http://www.sap.com/community/tag.html?id=67838200100800005660</v>
      </c>
      <c r="F948" s="23" t="s">
        <v>3157</v>
      </c>
      <c r="G948"/>
      <c r="H948"/>
      <c r="I948"/>
      <c r="J948"/>
    </row>
    <row r="949" spans="1:10" x14ac:dyDescent="0.25">
      <c r="A949" s="7"/>
      <c r="B949" s="23" t="s">
        <v>1185</v>
      </c>
      <c r="C949"/>
      <c r="D949" s="7" t="s">
        <v>5032</v>
      </c>
      <c r="E949" s="1"/>
      <c r="F949" s="23" t="s">
        <v>3158</v>
      </c>
      <c r="G949"/>
      <c r="H949"/>
      <c r="I949"/>
      <c r="J949"/>
    </row>
    <row r="950" spans="1:10" x14ac:dyDescent="0.25">
      <c r="A950" s="7"/>
      <c r="B950"/>
      <c r="C950" s="23" t="s">
        <v>486</v>
      </c>
      <c r="D950" s="23" t="s">
        <v>2241</v>
      </c>
      <c r="E950" s="1" t="str">
        <f t="shared" ref="E950:E953" si="196" xml:space="preserve"> HYPERLINK(CONCATENATE("http://www.sap.com/community/tag.html?id=",$F950))</f>
        <v>http://www.sap.com/community/tag.html?id=67837800100800005170</v>
      </c>
      <c r="F950" s="23" t="s">
        <v>3159</v>
      </c>
      <c r="G950"/>
      <c r="H950"/>
      <c r="I950"/>
      <c r="J950"/>
    </row>
    <row r="951" spans="1:10" x14ac:dyDescent="0.25">
      <c r="A951" s="7"/>
      <c r="B951" s="23"/>
      <c r="C951" t="s">
        <v>1185</v>
      </c>
      <c r="D951" s="23" t="s">
        <v>2241</v>
      </c>
      <c r="E951" s="1" t="str">
        <f t="shared" si="196"/>
        <v>http://www.sap.com/community/tag.html?id=01200615320800003658</v>
      </c>
      <c r="F951" s="23" t="s">
        <v>3160</v>
      </c>
      <c r="G951"/>
      <c r="H951"/>
      <c r="I951"/>
      <c r="J951"/>
    </row>
    <row r="952" spans="1:10" x14ac:dyDescent="0.25">
      <c r="A952" s="7"/>
      <c r="B952"/>
      <c r="C952" s="23" t="s">
        <v>405</v>
      </c>
      <c r="D952" s="23" t="s">
        <v>2241</v>
      </c>
      <c r="E952" s="1" t="str">
        <f t="shared" si="196"/>
        <v>http://www.sap.com/community/tag.html?id=67838200100800005681</v>
      </c>
      <c r="F952" s="23" t="s">
        <v>3161</v>
      </c>
      <c r="G952"/>
      <c r="H952"/>
      <c r="I952"/>
      <c r="J952"/>
    </row>
    <row r="953" spans="1:10" x14ac:dyDescent="0.25">
      <c r="A953" s="7"/>
      <c r="B953"/>
      <c r="C953" s="23" t="s">
        <v>71</v>
      </c>
      <c r="D953" s="23" t="s">
        <v>2241</v>
      </c>
      <c r="E953" s="1" t="str">
        <f t="shared" si="196"/>
        <v>http://www.sap.com/community/tag.html?id=67837800100800005770</v>
      </c>
      <c r="F953" s="23" t="s">
        <v>3162</v>
      </c>
      <c r="G953"/>
      <c r="H953"/>
      <c r="I953"/>
      <c r="J953"/>
    </row>
    <row r="954" spans="1:10" x14ac:dyDescent="0.25">
      <c r="A954" s="7"/>
      <c r="B954" t="s">
        <v>633</v>
      </c>
      <c r="C954" s="23"/>
      <c r="D954" s="7" t="s">
        <v>5032</v>
      </c>
      <c r="E954" s="1"/>
      <c r="F954" s="23" t="s">
        <v>3163</v>
      </c>
      <c r="G954"/>
      <c r="H954"/>
      <c r="I954"/>
      <c r="J954"/>
    </row>
    <row r="955" spans="1:10" x14ac:dyDescent="0.25">
      <c r="A955" s="7"/>
      <c r="B955"/>
      <c r="C955" s="23" t="s">
        <v>633</v>
      </c>
      <c r="D955" s="23" t="s">
        <v>2241</v>
      </c>
      <c r="E955" s="1" t="str">
        <f t="shared" ref="E955" si="197" xml:space="preserve"> HYPERLINK(CONCATENATE("http://www.sap.com/community/tag.html?id=",$F955))</f>
        <v>http://www.sap.com/community/tag.html?id=01200314690800001669</v>
      </c>
      <c r="F955" s="23" t="s">
        <v>3164</v>
      </c>
      <c r="G955"/>
      <c r="H955"/>
      <c r="I955"/>
      <c r="J955"/>
    </row>
    <row r="956" spans="1:10" x14ac:dyDescent="0.25">
      <c r="A956" s="7"/>
      <c r="B956" t="s">
        <v>534</v>
      </c>
      <c r="C956" s="23"/>
      <c r="D956" s="7" t="s">
        <v>5032</v>
      </c>
      <c r="E956" s="1"/>
      <c r="F956" s="23" t="s">
        <v>3165</v>
      </c>
      <c r="G956"/>
      <c r="H956"/>
      <c r="I956"/>
      <c r="J956"/>
    </row>
    <row r="957" spans="1:10" x14ac:dyDescent="0.25">
      <c r="A957" s="7"/>
      <c r="B957"/>
      <c r="C957" s="23" t="s">
        <v>2020</v>
      </c>
      <c r="D957" s="23" t="s">
        <v>2241</v>
      </c>
      <c r="E957" s="1" t="str">
        <f t="shared" ref="E957:E991" si="198" xml:space="preserve"> HYPERLINK(CONCATENATE("http://www.sap.com/community/tag.html?id=",$F957))</f>
        <v>http://www.sap.com/community/tag.html?id=01200615320800001751</v>
      </c>
      <c r="F957" s="23" t="s">
        <v>3166</v>
      </c>
      <c r="G957"/>
      <c r="H957"/>
      <c r="I957"/>
      <c r="J957"/>
    </row>
    <row r="958" spans="1:10" x14ac:dyDescent="0.25">
      <c r="A958" s="7"/>
      <c r="B958"/>
      <c r="C958" s="23" t="s">
        <v>2015</v>
      </c>
      <c r="D958" s="23" t="s">
        <v>2241</v>
      </c>
      <c r="E958" s="1" t="str">
        <f t="shared" si="198"/>
        <v>http://www.sap.com/community/tag.html?id=01200615320800001354</v>
      </c>
      <c r="F958" s="23" t="s">
        <v>3167</v>
      </c>
      <c r="G958"/>
      <c r="H958"/>
      <c r="I958"/>
      <c r="J958"/>
    </row>
    <row r="959" spans="1:10" x14ac:dyDescent="0.25">
      <c r="A959" s="7"/>
      <c r="B959"/>
      <c r="C959" s="23" t="s">
        <v>2026</v>
      </c>
      <c r="D959" s="23" t="s">
        <v>2241</v>
      </c>
      <c r="E959" s="1" t="str">
        <f t="shared" si="198"/>
        <v>http://www.sap.com/community/tag.html?id=01200615320800001349</v>
      </c>
      <c r="F959" s="23" t="s">
        <v>3168</v>
      </c>
      <c r="G959"/>
      <c r="H959"/>
      <c r="I959"/>
      <c r="J959"/>
    </row>
    <row r="960" spans="1:10" x14ac:dyDescent="0.25">
      <c r="A960" s="7"/>
      <c r="B960"/>
      <c r="C960" s="23" t="s">
        <v>2131</v>
      </c>
      <c r="D960" s="23" t="s">
        <v>2241</v>
      </c>
      <c r="E960" s="1" t="str">
        <f t="shared" si="198"/>
        <v>http://www.sap.com/community/tag.html?id=01200615320800001355</v>
      </c>
      <c r="F960" s="23" t="s">
        <v>3169</v>
      </c>
      <c r="G960"/>
      <c r="H960"/>
      <c r="I960"/>
      <c r="J960"/>
    </row>
    <row r="961" spans="1:10" x14ac:dyDescent="0.25">
      <c r="A961" s="7"/>
      <c r="B961"/>
      <c r="C961" s="23" t="s">
        <v>1672</v>
      </c>
      <c r="D961" s="23" t="s">
        <v>2241</v>
      </c>
      <c r="E961" s="1" t="str">
        <f t="shared" si="198"/>
        <v>http://www.sap.com/community/tag.html?id=01200615320800001338</v>
      </c>
      <c r="F961" s="23" t="s">
        <v>3170</v>
      </c>
      <c r="G961"/>
      <c r="H961"/>
      <c r="I961"/>
      <c r="J961"/>
    </row>
    <row r="962" spans="1:10" x14ac:dyDescent="0.25">
      <c r="A962" s="7"/>
      <c r="B962"/>
      <c r="C962" s="23" t="s">
        <v>1963</v>
      </c>
      <c r="D962" s="23" t="s">
        <v>2241</v>
      </c>
      <c r="E962" s="1" t="str">
        <f t="shared" si="198"/>
        <v>http://www.sap.com/community/tag.html?id=01200615320800001350</v>
      </c>
      <c r="F962" s="23" t="s">
        <v>3171</v>
      </c>
      <c r="G962"/>
      <c r="H962"/>
      <c r="I962"/>
      <c r="J962"/>
    </row>
    <row r="963" spans="1:10" x14ac:dyDescent="0.25">
      <c r="A963" s="7"/>
      <c r="B963"/>
      <c r="C963" s="23" t="s">
        <v>1472</v>
      </c>
      <c r="D963" s="23" t="s">
        <v>2241</v>
      </c>
      <c r="E963" s="1" t="str">
        <f t="shared" si="198"/>
        <v>http://www.sap.com/community/tag.html?id=01200615320800001336</v>
      </c>
      <c r="F963" s="23" t="s">
        <v>3172</v>
      </c>
      <c r="G963"/>
      <c r="H963"/>
      <c r="I963"/>
      <c r="J963"/>
    </row>
    <row r="964" spans="1:10" x14ac:dyDescent="0.25">
      <c r="A964" s="7"/>
      <c r="B964"/>
      <c r="C964" s="23" t="s">
        <v>258</v>
      </c>
      <c r="D964" s="23" t="s">
        <v>2241</v>
      </c>
      <c r="E964" s="1" t="str">
        <f t="shared" si="198"/>
        <v>http://www.sap.com/community/tag.html?id=01200615320800001342</v>
      </c>
      <c r="F964" s="23" t="s">
        <v>3173</v>
      </c>
      <c r="G964"/>
      <c r="H964"/>
      <c r="I964"/>
      <c r="J964"/>
    </row>
    <row r="965" spans="1:10" x14ac:dyDescent="0.25">
      <c r="A965" s="7"/>
      <c r="B965"/>
      <c r="C965" s="23" t="s">
        <v>83</v>
      </c>
      <c r="D965" s="23" t="s">
        <v>2241</v>
      </c>
      <c r="E965" s="1" t="str">
        <f t="shared" si="198"/>
        <v>http://www.sap.com/community/tag.html?id=01200615320800001351</v>
      </c>
      <c r="F965" s="23" t="s">
        <v>3174</v>
      </c>
      <c r="G965"/>
      <c r="H965"/>
      <c r="I965"/>
      <c r="J965"/>
    </row>
    <row r="966" spans="1:10" x14ac:dyDescent="0.25">
      <c r="A966" s="7"/>
      <c r="B966"/>
      <c r="C966" s="23" t="s">
        <v>820</v>
      </c>
      <c r="D966" s="23" t="s">
        <v>2241</v>
      </c>
      <c r="E966" s="1" t="str">
        <f t="shared" si="198"/>
        <v>http://www.sap.com/community/tag.html?id=01200615320800001405</v>
      </c>
      <c r="F966" s="23" t="s">
        <v>3175</v>
      </c>
      <c r="G966"/>
      <c r="H966"/>
      <c r="I966"/>
      <c r="J966"/>
    </row>
    <row r="967" spans="1:10" x14ac:dyDescent="0.25">
      <c r="A967" s="7"/>
      <c r="B967"/>
      <c r="C967" s="23" t="s">
        <v>830</v>
      </c>
      <c r="D967" s="23" t="s">
        <v>2241</v>
      </c>
      <c r="E967" s="1" t="str">
        <f t="shared" si="198"/>
        <v>http://www.sap.com/community/tag.html?id=01200615320800001406</v>
      </c>
      <c r="F967" s="23" t="s">
        <v>3176</v>
      </c>
      <c r="G967"/>
      <c r="H967"/>
      <c r="I967"/>
      <c r="J967"/>
    </row>
    <row r="968" spans="1:10" x14ac:dyDescent="0.25">
      <c r="A968" s="7"/>
      <c r="B968"/>
      <c r="C968" s="23" t="s">
        <v>2130</v>
      </c>
      <c r="D968" s="23" t="s">
        <v>2241</v>
      </c>
      <c r="E968" s="1" t="str">
        <f t="shared" si="198"/>
        <v>http://www.sap.com/community/tag.html?id=01200615320800001340</v>
      </c>
      <c r="F968" s="23" t="s">
        <v>3177</v>
      </c>
      <c r="G968"/>
      <c r="H968"/>
      <c r="I968"/>
      <c r="J968"/>
    </row>
    <row r="969" spans="1:10" x14ac:dyDescent="0.25">
      <c r="A969" s="7"/>
      <c r="B969"/>
      <c r="C969" s="23" t="s">
        <v>2221</v>
      </c>
      <c r="D969" s="23" t="s">
        <v>2241</v>
      </c>
      <c r="E969" s="1" t="str">
        <f t="shared" si="198"/>
        <v>http://www.sap.com/community/tag.html?id=01200615320800001341</v>
      </c>
      <c r="F969" s="23" t="s">
        <v>3178</v>
      </c>
      <c r="G969"/>
      <c r="H969"/>
      <c r="I969"/>
      <c r="J969"/>
    </row>
    <row r="970" spans="1:10" x14ac:dyDescent="0.25">
      <c r="A970" s="7"/>
      <c r="B970"/>
      <c r="C970" s="23" t="s">
        <v>1123</v>
      </c>
      <c r="D970" s="23" t="s">
        <v>2241</v>
      </c>
      <c r="E970" s="1" t="str">
        <f t="shared" si="198"/>
        <v>http://www.sap.com/community/tag.html?id=01200615320800001407</v>
      </c>
      <c r="F970" s="23" t="s">
        <v>3179</v>
      </c>
      <c r="G970"/>
      <c r="H970"/>
      <c r="I970"/>
      <c r="J970"/>
    </row>
    <row r="971" spans="1:10" x14ac:dyDescent="0.25">
      <c r="A971" s="7"/>
      <c r="B971"/>
      <c r="C971" s="23" t="s">
        <v>1013</v>
      </c>
      <c r="D971" s="23" t="s">
        <v>2241</v>
      </c>
      <c r="E971" s="1" t="str">
        <f t="shared" si="198"/>
        <v>http://www.sap.com/community/tag.html?id=01200615320800001371</v>
      </c>
      <c r="F971" s="23" t="s">
        <v>3180</v>
      </c>
      <c r="G971"/>
      <c r="H971"/>
      <c r="I971"/>
      <c r="J971"/>
    </row>
    <row r="972" spans="1:10" x14ac:dyDescent="0.25">
      <c r="A972" s="7"/>
      <c r="B972"/>
      <c r="C972" s="23" t="s">
        <v>489</v>
      </c>
      <c r="D972" s="23" t="s">
        <v>2241</v>
      </c>
      <c r="E972" s="1" t="str">
        <f t="shared" si="198"/>
        <v>http://www.sap.com/community/tag.html?id=01200615320800001346</v>
      </c>
      <c r="F972" s="23" t="s">
        <v>3181</v>
      </c>
      <c r="G972"/>
      <c r="H972"/>
      <c r="I972"/>
      <c r="J972"/>
    </row>
    <row r="973" spans="1:10" x14ac:dyDescent="0.25">
      <c r="A973" s="7"/>
      <c r="B973"/>
      <c r="C973" s="23" t="s">
        <v>1274</v>
      </c>
      <c r="D973" s="23" t="s">
        <v>2241</v>
      </c>
      <c r="E973" s="1" t="str">
        <f t="shared" si="198"/>
        <v>http://www.sap.com/community/tag.html?id=01200615320800001334</v>
      </c>
      <c r="F973" s="23" t="s">
        <v>3182</v>
      </c>
      <c r="G973"/>
      <c r="H973"/>
      <c r="I973"/>
      <c r="J973"/>
    </row>
    <row r="974" spans="1:10" x14ac:dyDescent="0.25">
      <c r="A974" s="7"/>
      <c r="B974"/>
      <c r="C974" s="23" t="s">
        <v>1020</v>
      </c>
      <c r="D974" s="23" t="s">
        <v>2241</v>
      </c>
      <c r="E974" s="1" t="str">
        <f t="shared" si="198"/>
        <v>http://www.sap.com/community/tag.html?id=01200615320800001335</v>
      </c>
      <c r="F974" s="23" t="s">
        <v>3183</v>
      </c>
      <c r="G974"/>
      <c r="H974"/>
      <c r="I974"/>
      <c r="J974"/>
    </row>
    <row r="975" spans="1:10" x14ac:dyDescent="0.25">
      <c r="A975" s="7"/>
      <c r="B975"/>
      <c r="C975" s="23" t="s">
        <v>756</v>
      </c>
      <c r="D975" s="23" t="s">
        <v>2241</v>
      </c>
      <c r="E975" s="1" t="str">
        <f t="shared" si="198"/>
        <v>http://www.sap.com/community/tag.html?id=01200615320800001366</v>
      </c>
      <c r="F975" s="23" t="s">
        <v>3184</v>
      </c>
      <c r="G975"/>
      <c r="H975"/>
      <c r="I975"/>
      <c r="J975"/>
    </row>
    <row r="976" spans="1:10" x14ac:dyDescent="0.25">
      <c r="A976" s="7"/>
      <c r="B976"/>
      <c r="C976" s="23" t="s">
        <v>1817</v>
      </c>
      <c r="D976" s="23" t="s">
        <v>2241</v>
      </c>
      <c r="E976" s="1" t="str">
        <f t="shared" si="198"/>
        <v>http://www.sap.com/community/tag.html?id=01200314690800003650</v>
      </c>
      <c r="F976" s="23" t="s">
        <v>3185</v>
      </c>
      <c r="G976"/>
      <c r="H976"/>
      <c r="I976"/>
      <c r="J976"/>
    </row>
    <row r="977" spans="1:10" x14ac:dyDescent="0.25">
      <c r="A977" s="7"/>
      <c r="B977"/>
      <c r="C977" s="23" t="s">
        <v>1345</v>
      </c>
      <c r="D977" s="23" t="s">
        <v>2241</v>
      </c>
      <c r="E977" s="1" t="str">
        <f t="shared" si="198"/>
        <v>http://www.sap.com/community/tag.html?id=01200615320800001211</v>
      </c>
      <c r="F977" s="23" t="s">
        <v>3186</v>
      </c>
      <c r="G977"/>
      <c r="H977"/>
      <c r="I977"/>
      <c r="J977"/>
    </row>
    <row r="978" spans="1:10" x14ac:dyDescent="0.25">
      <c r="A978" s="7"/>
      <c r="B978"/>
      <c r="C978" s="23" t="s">
        <v>233</v>
      </c>
      <c r="D978" s="23" t="s">
        <v>2241</v>
      </c>
      <c r="E978" s="1" t="str">
        <f t="shared" si="198"/>
        <v>http://www.sap.com/community/tag.html?id=01200615320800001333</v>
      </c>
      <c r="F978" s="23" t="s">
        <v>3187</v>
      </c>
      <c r="G978"/>
      <c r="H978"/>
      <c r="I978"/>
      <c r="J978"/>
    </row>
    <row r="979" spans="1:10" x14ac:dyDescent="0.25">
      <c r="A979" s="7"/>
      <c r="B979"/>
      <c r="C979" s="23" t="s">
        <v>794</v>
      </c>
      <c r="D979" s="23" t="s">
        <v>2241</v>
      </c>
      <c r="E979" s="1" t="str">
        <f t="shared" si="198"/>
        <v>http://www.sap.com/community/tag.html?id=01200615320800001343</v>
      </c>
      <c r="F979" s="23" t="s">
        <v>3188</v>
      </c>
      <c r="G979"/>
      <c r="H979"/>
      <c r="I979"/>
      <c r="J979"/>
    </row>
    <row r="980" spans="1:10" x14ac:dyDescent="0.25">
      <c r="A980" s="7"/>
      <c r="B980"/>
      <c r="C980" s="23" t="s">
        <v>1295</v>
      </c>
      <c r="D980" s="23" t="s">
        <v>2241</v>
      </c>
      <c r="E980" s="1" t="str">
        <f t="shared" si="198"/>
        <v>http://www.sap.com/community/tag.html?id=01200615320800001352</v>
      </c>
      <c r="F980" s="23" t="s">
        <v>3189</v>
      </c>
      <c r="G980"/>
      <c r="H980"/>
      <c r="I980"/>
      <c r="J980"/>
    </row>
    <row r="981" spans="1:10" x14ac:dyDescent="0.25">
      <c r="A981" s="7"/>
      <c r="B981"/>
      <c r="C981" s="23" t="s">
        <v>455</v>
      </c>
      <c r="D981" s="23" t="s">
        <v>2241</v>
      </c>
      <c r="E981" s="1" t="str">
        <f t="shared" si="198"/>
        <v>http://www.sap.com/community/tag.html?id=01200615320800001367</v>
      </c>
      <c r="F981" s="23" t="s">
        <v>3190</v>
      </c>
      <c r="G981"/>
      <c r="H981"/>
      <c r="I981"/>
      <c r="J981"/>
    </row>
    <row r="982" spans="1:10" x14ac:dyDescent="0.25">
      <c r="A982" s="7"/>
      <c r="B982"/>
      <c r="C982" s="23" t="s">
        <v>388</v>
      </c>
      <c r="D982" s="23" t="s">
        <v>2241</v>
      </c>
      <c r="E982" s="1" t="str">
        <f t="shared" si="198"/>
        <v>http://www.sap.com/community/tag.html?id=01200615320800001344</v>
      </c>
      <c r="F982" s="23" t="s">
        <v>3191</v>
      </c>
      <c r="G982"/>
      <c r="H982"/>
      <c r="I982"/>
      <c r="J982"/>
    </row>
    <row r="983" spans="1:10" x14ac:dyDescent="0.25">
      <c r="A983" s="7"/>
      <c r="B983"/>
      <c r="C983" s="23" t="s">
        <v>2080</v>
      </c>
      <c r="D983" s="23" t="s">
        <v>2241</v>
      </c>
      <c r="E983" s="1" t="str">
        <f t="shared" si="198"/>
        <v>http://www.sap.com/community/tag.html?id=01200615320800001353</v>
      </c>
      <c r="F983" s="23" t="s">
        <v>3192</v>
      </c>
      <c r="G983"/>
      <c r="H983"/>
      <c r="I983"/>
      <c r="J983"/>
    </row>
    <row r="984" spans="1:10" x14ac:dyDescent="0.25">
      <c r="A984" s="7"/>
      <c r="B984"/>
      <c r="C984" s="23" t="s">
        <v>365</v>
      </c>
      <c r="D984" s="23" t="s">
        <v>2241</v>
      </c>
      <c r="E984" s="1" t="str">
        <f t="shared" si="198"/>
        <v>http://www.sap.com/community/tag.html?id=01200615320800001368</v>
      </c>
      <c r="F984" s="23" t="s">
        <v>3193</v>
      </c>
      <c r="G984"/>
      <c r="H984"/>
      <c r="I984"/>
      <c r="J984"/>
    </row>
    <row r="985" spans="1:10" x14ac:dyDescent="0.25">
      <c r="A985" s="7"/>
      <c r="B985"/>
      <c r="C985" s="23" t="s">
        <v>491</v>
      </c>
      <c r="D985" s="23" t="s">
        <v>2241</v>
      </c>
      <c r="E985" s="1" t="str">
        <f t="shared" si="198"/>
        <v>http://www.sap.com/community/tag.html?id=01200615320800001345</v>
      </c>
      <c r="F985" s="23" t="s">
        <v>3194</v>
      </c>
      <c r="G985"/>
      <c r="H985"/>
      <c r="I985"/>
      <c r="J985"/>
    </row>
    <row r="986" spans="1:10" x14ac:dyDescent="0.25">
      <c r="A986" s="7"/>
      <c r="B986"/>
      <c r="C986" s="23" t="s">
        <v>1323</v>
      </c>
      <c r="D986" s="23" t="s">
        <v>2241</v>
      </c>
      <c r="E986" s="1" t="str">
        <f t="shared" si="198"/>
        <v>http://www.sap.com/community/tag.html?id=01200615320800001369</v>
      </c>
      <c r="F986" s="23" t="s">
        <v>3195</v>
      </c>
      <c r="G986"/>
      <c r="H986"/>
      <c r="I986"/>
      <c r="J986"/>
    </row>
    <row r="987" spans="1:10" x14ac:dyDescent="0.25">
      <c r="A987" s="7"/>
      <c r="B987" s="23"/>
      <c r="C987" t="s">
        <v>981</v>
      </c>
      <c r="D987" s="23" t="s">
        <v>2241</v>
      </c>
      <c r="E987" s="1" t="str">
        <f t="shared" si="198"/>
        <v>http://www.sap.com/community/tag.html?id=01200615320800001370</v>
      </c>
      <c r="F987" s="23" t="s">
        <v>3196</v>
      </c>
      <c r="G987"/>
      <c r="H987"/>
      <c r="I987"/>
      <c r="J987"/>
    </row>
    <row r="988" spans="1:10" x14ac:dyDescent="0.25">
      <c r="A988" s="7"/>
      <c r="B988"/>
      <c r="C988" s="23" t="s">
        <v>361</v>
      </c>
      <c r="D988" s="23" t="s">
        <v>2241</v>
      </c>
      <c r="E988" s="1" t="str">
        <f t="shared" si="198"/>
        <v>http://www.sap.com/community/tag.html?id=01200615320800001372</v>
      </c>
      <c r="F988" s="23" t="s">
        <v>3197</v>
      </c>
      <c r="G988"/>
      <c r="H988"/>
      <c r="I988"/>
      <c r="J988"/>
    </row>
    <row r="989" spans="1:10" x14ac:dyDescent="0.25">
      <c r="A989" s="7"/>
      <c r="B989"/>
      <c r="C989" s="23" t="s">
        <v>1768</v>
      </c>
      <c r="D989" s="23" t="s">
        <v>2241</v>
      </c>
      <c r="E989" s="1" t="str">
        <f t="shared" si="198"/>
        <v>http://www.sap.com/community/tag.html?id=01200615320800001347</v>
      </c>
      <c r="F989" s="23" t="s">
        <v>3198</v>
      </c>
      <c r="G989"/>
      <c r="H989"/>
      <c r="I989"/>
      <c r="J989"/>
    </row>
    <row r="990" spans="1:10" x14ac:dyDescent="0.25">
      <c r="A990" s="7"/>
      <c r="B990"/>
      <c r="C990" s="23" t="s">
        <v>660</v>
      </c>
      <c r="D990" s="23" t="s">
        <v>2241</v>
      </c>
      <c r="E990" s="1" t="str">
        <f t="shared" si="198"/>
        <v>http://www.sap.com/community/tag.html?id=01200615320800001373</v>
      </c>
      <c r="F990" s="23" t="s">
        <v>3199</v>
      </c>
      <c r="G990"/>
      <c r="H990"/>
      <c r="I990"/>
      <c r="J990"/>
    </row>
    <row r="991" spans="1:10" x14ac:dyDescent="0.25">
      <c r="A991" s="7"/>
      <c r="B991"/>
      <c r="C991" s="23" t="s">
        <v>2113</v>
      </c>
      <c r="D991" s="23" t="s">
        <v>2241</v>
      </c>
      <c r="E991" s="1" t="str">
        <f t="shared" si="198"/>
        <v>http://www.sap.com/community/tag.html?id=01200615320800001348</v>
      </c>
      <c r="F991" s="23" t="s">
        <v>3200</v>
      </c>
      <c r="G991"/>
      <c r="H991"/>
      <c r="I991"/>
      <c r="J991"/>
    </row>
    <row r="992" spans="1:10" x14ac:dyDescent="0.25">
      <c r="A992" s="7"/>
      <c r="B992" t="s">
        <v>681</v>
      </c>
      <c r="C992" s="23"/>
      <c r="D992" s="7" t="s">
        <v>5032</v>
      </c>
      <c r="E992" s="1"/>
      <c r="F992" s="23" t="s">
        <v>3201</v>
      </c>
      <c r="G992"/>
      <c r="H992"/>
      <c r="I992"/>
      <c r="J992"/>
    </row>
    <row r="993" spans="1:10" x14ac:dyDescent="0.25">
      <c r="A993" s="7"/>
      <c r="B993"/>
      <c r="C993" s="23" t="s">
        <v>1904</v>
      </c>
      <c r="D993" s="23" t="s">
        <v>2241</v>
      </c>
      <c r="E993" s="1" t="str">
        <f t="shared" ref="E993:E1004" si="199" xml:space="preserve"> HYPERLINK(CONCATENATE("http://www.sap.com/community/tag.html?id=",$F993))</f>
        <v>http://www.sap.com/community/tag.html?id=67838200100800006598</v>
      </c>
      <c r="F993" s="23" t="s">
        <v>3202</v>
      </c>
      <c r="G993"/>
      <c r="H993"/>
      <c r="I993"/>
      <c r="J993"/>
    </row>
    <row r="994" spans="1:10" x14ac:dyDescent="0.25">
      <c r="A994" s="7"/>
      <c r="B994"/>
      <c r="C994" s="23" t="s">
        <v>681</v>
      </c>
      <c r="D994" s="23" t="s">
        <v>2241</v>
      </c>
      <c r="E994" s="1" t="str">
        <f t="shared" si="199"/>
        <v>http://www.sap.com/community/tag.html?id=67837800100800005168</v>
      </c>
      <c r="F994" s="23" t="s">
        <v>3203</v>
      </c>
      <c r="G994"/>
      <c r="H994"/>
      <c r="I994"/>
      <c r="J994"/>
    </row>
    <row r="995" spans="1:10" x14ac:dyDescent="0.25">
      <c r="A995" s="7"/>
      <c r="B995"/>
      <c r="C995" s="23" t="s">
        <v>1252</v>
      </c>
      <c r="D995" s="23" t="s">
        <v>2241</v>
      </c>
      <c r="E995" s="1" t="str">
        <f t="shared" si="199"/>
        <v>http://www.sap.com/community/tag.html?id=67838200100800006081</v>
      </c>
      <c r="F995" s="23" t="s">
        <v>3204</v>
      </c>
      <c r="G995"/>
      <c r="H995"/>
      <c r="I995"/>
      <c r="J995"/>
    </row>
    <row r="996" spans="1:10" x14ac:dyDescent="0.25">
      <c r="A996" s="7"/>
      <c r="B996"/>
      <c r="C996" s="23" t="s">
        <v>636</v>
      </c>
      <c r="D996" s="23" t="s">
        <v>2241</v>
      </c>
      <c r="E996" s="1" t="str">
        <f t="shared" si="199"/>
        <v>http://www.sap.com/community/tag.html?id=67838200100800006080</v>
      </c>
      <c r="F996" s="23" t="s">
        <v>3205</v>
      </c>
      <c r="G996"/>
      <c r="H996"/>
      <c r="I996"/>
      <c r="J996"/>
    </row>
    <row r="997" spans="1:10" x14ac:dyDescent="0.25">
      <c r="A997" s="7"/>
      <c r="B997"/>
      <c r="C997" s="23" t="s">
        <v>427</v>
      </c>
      <c r="D997" s="23" t="s">
        <v>2241</v>
      </c>
      <c r="E997" s="1" t="str">
        <f t="shared" si="199"/>
        <v>http://www.sap.com/community/tag.html?id=67838200100800006054</v>
      </c>
      <c r="F997" s="23" t="s">
        <v>3206</v>
      </c>
      <c r="G997"/>
      <c r="H997"/>
      <c r="I997"/>
      <c r="J997"/>
    </row>
    <row r="998" spans="1:10" x14ac:dyDescent="0.25">
      <c r="A998" s="7"/>
      <c r="B998"/>
      <c r="C998" s="23" t="s">
        <v>1932</v>
      </c>
      <c r="D998" s="23" t="s">
        <v>2241</v>
      </c>
      <c r="E998" s="1" t="str">
        <f t="shared" si="199"/>
        <v>http://www.sap.com/community/tag.html?id=67838200100800005359</v>
      </c>
      <c r="F998" s="23" t="s">
        <v>3207</v>
      </c>
      <c r="G998"/>
      <c r="H998"/>
      <c r="I998"/>
      <c r="J998"/>
    </row>
    <row r="999" spans="1:10" x14ac:dyDescent="0.25">
      <c r="A999" s="7"/>
      <c r="B999"/>
      <c r="C999" s="23" t="s">
        <v>338</v>
      </c>
      <c r="D999" s="23" t="s">
        <v>2241</v>
      </c>
      <c r="E999" s="1" t="str">
        <f t="shared" si="199"/>
        <v>http://www.sap.com/community/tag.html?id=67838200100800005678</v>
      </c>
      <c r="F999" s="23" t="s">
        <v>3208</v>
      </c>
      <c r="G999"/>
      <c r="H999"/>
      <c r="I999"/>
      <c r="J999"/>
    </row>
    <row r="1000" spans="1:10" x14ac:dyDescent="0.25">
      <c r="A1000" s="7"/>
      <c r="B1000" s="23"/>
      <c r="C1000" t="s">
        <v>1451</v>
      </c>
      <c r="D1000" s="23" t="s">
        <v>2241</v>
      </c>
      <c r="E1000" s="1" t="str">
        <f t="shared" si="199"/>
        <v>http://www.sap.com/community/tag.html?id=67838200100800005267</v>
      </c>
      <c r="F1000" s="23" t="s">
        <v>3209</v>
      </c>
      <c r="G1000"/>
      <c r="H1000"/>
      <c r="I1000"/>
      <c r="J1000"/>
    </row>
    <row r="1001" spans="1:10" x14ac:dyDescent="0.25">
      <c r="A1001" s="7"/>
      <c r="B1001"/>
      <c r="C1001" s="23" t="s">
        <v>1667</v>
      </c>
      <c r="D1001" s="23" t="s">
        <v>2241</v>
      </c>
      <c r="E1001" s="1" t="str">
        <f t="shared" si="199"/>
        <v>http://www.sap.com/community/tag.html?id=67837800100800005585</v>
      </c>
      <c r="F1001" s="23" t="s">
        <v>3210</v>
      </c>
      <c r="G1001"/>
      <c r="H1001"/>
      <c r="I1001"/>
      <c r="J1001"/>
    </row>
    <row r="1002" spans="1:10" x14ac:dyDescent="0.25">
      <c r="A1002" s="7"/>
      <c r="B1002"/>
      <c r="C1002" s="23" t="s">
        <v>764</v>
      </c>
      <c r="D1002" s="23" t="s">
        <v>2241</v>
      </c>
      <c r="E1002" s="1" t="str">
        <f t="shared" si="199"/>
        <v>http://www.sap.com/community/tag.html?id=67837800100800005771</v>
      </c>
      <c r="F1002" s="23" t="s">
        <v>3211</v>
      </c>
      <c r="G1002"/>
      <c r="H1002"/>
      <c r="I1002"/>
      <c r="J1002"/>
    </row>
    <row r="1003" spans="1:10" x14ac:dyDescent="0.25">
      <c r="A1003" s="7"/>
      <c r="B1003"/>
      <c r="C1003" s="23" t="s">
        <v>946</v>
      </c>
      <c r="D1003" s="23" t="s">
        <v>2241</v>
      </c>
      <c r="E1003" s="1" t="str">
        <f t="shared" si="199"/>
        <v>http://www.sap.com/community/tag.html?id=67837800100800005697</v>
      </c>
      <c r="F1003" s="23" t="s">
        <v>3212</v>
      </c>
      <c r="G1003"/>
      <c r="H1003"/>
      <c r="I1003"/>
      <c r="J1003"/>
    </row>
    <row r="1004" spans="1:10" x14ac:dyDescent="0.25">
      <c r="A1004" s="7"/>
      <c r="B1004" s="23"/>
      <c r="C1004" t="s">
        <v>312</v>
      </c>
      <c r="D1004" s="23" t="s">
        <v>2241</v>
      </c>
      <c r="E1004" s="1" t="str">
        <f t="shared" si="199"/>
        <v>http://www.sap.com/community/tag.html?id=67837800100800005699</v>
      </c>
      <c r="F1004" s="23" t="s">
        <v>3213</v>
      </c>
      <c r="G1004"/>
      <c r="H1004"/>
      <c r="I1004"/>
      <c r="J1004"/>
    </row>
    <row r="1005" spans="1:10" x14ac:dyDescent="0.25">
      <c r="A1005" s="7"/>
      <c r="B1005" t="s">
        <v>1124</v>
      </c>
      <c r="C1005" s="23"/>
      <c r="D1005" s="7" t="s">
        <v>5032</v>
      </c>
      <c r="E1005" s="1"/>
      <c r="F1005" s="23" t="s">
        <v>3214</v>
      </c>
      <c r="G1005"/>
      <c r="H1005"/>
      <c r="I1005"/>
      <c r="J1005"/>
    </row>
    <row r="1006" spans="1:10" x14ac:dyDescent="0.25">
      <c r="A1006" s="7"/>
      <c r="B1006"/>
      <c r="C1006" s="23" t="s">
        <v>1124</v>
      </c>
      <c r="D1006" s="23" t="s">
        <v>2241</v>
      </c>
      <c r="E1006" s="1" t="str">
        <f t="shared" ref="E1006:E1008" si="200" xml:space="preserve"> HYPERLINK(CONCATENATE("http://www.sap.com/community/tag.html?id=",$F1006))</f>
        <v>http://www.sap.com/community/tag.html?id=67837800100800005169</v>
      </c>
      <c r="F1006" s="23" t="s">
        <v>3215</v>
      </c>
      <c r="G1006"/>
      <c r="H1006"/>
      <c r="I1006"/>
      <c r="J1006"/>
    </row>
    <row r="1007" spans="1:10" x14ac:dyDescent="0.25">
      <c r="A1007" s="7"/>
      <c r="B1007" s="23"/>
      <c r="C1007" t="s">
        <v>2224</v>
      </c>
      <c r="D1007" s="23" t="s">
        <v>2241</v>
      </c>
      <c r="E1007" s="1" t="str">
        <f t="shared" si="200"/>
        <v>http://www.sap.com/community/tag.html?id=67837800100800005531</v>
      </c>
      <c r="F1007" s="23" t="s">
        <v>3216</v>
      </c>
      <c r="G1007"/>
      <c r="H1007"/>
      <c r="I1007"/>
      <c r="J1007"/>
    </row>
    <row r="1008" spans="1:10" x14ac:dyDescent="0.25">
      <c r="A1008" s="7"/>
      <c r="B1008"/>
      <c r="C1008" s="23" t="s">
        <v>1525</v>
      </c>
      <c r="D1008" s="23" t="s">
        <v>2241</v>
      </c>
      <c r="E1008" s="1" t="str">
        <f t="shared" si="200"/>
        <v>http://www.sap.com/community/tag.html?id=67837800100800005769</v>
      </c>
      <c r="F1008" s="23" t="s">
        <v>3217</v>
      </c>
      <c r="G1008"/>
      <c r="H1008"/>
      <c r="I1008"/>
      <c r="J1008"/>
    </row>
    <row r="1009" spans="1:10" x14ac:dyDescent="0.25">
      <c r="A1009" s="7"/>
      <c r="B1009" t="s">
        <v>1109</v>
      </c>
      <c r="C1009" s="23"/>
      <c r="D1009" s="7" t="s">
        <v>5032</v>
      </c>
      <c r="E1009" s="1"/>
      <c r="F1009" s="23" t="s">
        <v>3218</v>
      </c>
      <c r="G1009"/>
      <c r="H1009"/>
      <c r="I1009"/>
      <c r="J1009"/>
    </row>
    <row r="1010" spans="1:10" x14ac:dyDescent="0.25">
      <c r="A1010" s="7"/>
      <c r="B1010"/>
      <c r="C1010" s="23" t="s">
        <v>1015</v>
      </c>
      <c r="D1010" s="23" t="s">
        <v>2241</v>
      </c>
      <c r="E1010" s="1" t="str">
        <f t="shared" ref="E1010:E1012" si="201" xml:space="preserve"> HYPERLINK(CONCATENATE("http://www.sap.com/community/tag.html?id=",$F1010))</f>
        <v>http://www.sap.com/community/tag.html?id=67837800100800005570</v>
      </c>
      <c r="F1010" s="23" t="s">
        <v>3219</v>
      </c>
      <c r="G1010"/>
      <c r="H1010"/>
      <c r="I1010"/>
      <c r="J1010"/>
    </row>
    <row r="1011" spans="1:10" x14ac:dyDescent="0.25">
      <c r="A1011" s="7"/>
      <c r="B1011"/>
      <c r="C1011" s="23" t="s">
        <v>1109</v>
      </c>
      <c r="D1011" s="23" t="s">
        <v>2241</v>
      </c>
      <c r="E1011" s="1" t="str">
        <f t="shared" si="201"/>
        <v>http://www.sap.com/community/tag.html?id=67838200100800004868</v>
      </c>
      <c r="F1011" s="23" t="s">
        <v>3220</v>
      </c>
      <c r="G1011"/>
      <c r="H1011"/>
      <c r="I1011"/>
      <c r="J1011"/>
    </row>
    <row r="1012" spans="1:10" x14ac:dyDescent="0.25">
      <c r="A1012" s="7"/>
      <c r="B1012" t="s">
        <v>1993</v>
      </c>
      <c r="C1012" s="23"/>
      <c r="D1012" s="7" t="s">
        <v>2241</v>
      </c>
      <c r="E1012" s="1" t="str">
        <f t="shared" si="201"/>
        <v>http://www.sap.com/community/tag.html?id=73554900100700001212</v>
      </c>
      <c r="F1012" s="23" t="s">
        <v>3221</v>
      </c>
      <c r="G1012"/>
      <c r="H1012"/>
      <c r="I1012"/>
      <c r="J1012"/>
    </row>
    <row r="1013" spans="1:10" x14ac:dyDescent="0.25">
      <c r="A1013" s="7"/>
      <c r="B1013"/>
      <c r="C1013" s="23" t="s">
        <v>411</v>
      </c>
      <c r="D1013" s="23" t="s">
        <v>2241</v>
      </c>
      <c r="E1013" s="1" t="str">
        <f t="shared" ref="E1013:E1076" si="202" xml:space="preserve"> HYPERLINK(CONCATENATE("http://www.sap.com/community/tag.html?id=",$F1013))</f>
        <v>http://www.sap.com/community/tag.html?id=01200615320800001414</v>
      </c>
      <c r="F1013" s="23" t="s">
        <v>3222</v>
      </c>
      <c r="G1013"/>
      <c r="H1013"/>
      <c r="I1013"/>
      <c r="J1013"/>
    </row>
    <row r="1014" spans="1:10" x14ac:dyDescent="0.25">
      <c r="A1014" s="7"/>
      <c r="B1014"/>
      <c r="C1014" s="23" t="s">
        <v>1982</v>
      </c>
      <c r="D1014" s="23" t="s">
        <v>2241</v>
      </c>
      <c r="E1014" s="1" t="str">
        <f t="shared" si="202"/>
        <v>http://www.sap.com/community/tag.html?id=01200615320800001415</v>
      </c>
      <c r="F1014" s="23" t="s">
        <v>3223</v>
      </c>
      <c r="G1014"/>
      <c r="H1014"/>
      <c r="I1014"/>
      <c r="J1014"/>
    </row>
    <row r="1015" spans="1:10" x14ac:dyDescent="0.25">
      <c r="A1015" s="7"/>
      <c r="B1015"/>
      <c r="C1015" s="23" t="s">
        <v>404</v>
      </c>
      <c r="D1015" s="23" t="s">
        <v>2241</v>
      </c>
      <c r="E1015" s="1" t="str">
        <f t="shared" si="202"/>
        <v>http://www.sap.com/community/tag.html?id=01200615320800001416</v>
      </c>
      <c r="F1015" s="23" t="s">
        <v>3224</v>
      </c>
      <c r="G1015"/>
      <c r="H1015"/>
      <c r="I1015"/>
      <c r="J1015"/>
    </row>
    <row r="1016" spans="1:10" x14ac:dyDescent="0.25">
      <c r="A1016" s="7"/>
      <c r="B1016"/>
      <c r="C1016" s="23" t="s">
        <v>262</v>
      </c>
      <c r="D1016" s="23" t="s">
        <v>2241</v>
      </c>
      <c r="E1016" s="1" t="str">
        <f t="shared" si="202"/>
        <v>http://www.sap.com/community/tag.html?id=01200615320800001425</v>
      </c>
      <c r="F1016" s="23" t="s">
        <v>3225</v>
      </c>
      <c r="G1016"/>
      <c r="H1016"/>
      <c r="I1016"/>
      <c r="J1016"/>
    </row>
    <row r="1017" spans="1:10" x14ac:dyDescent="0.25">
      <c r="A1017" s="7"/>
      <c r="B1017"/>
      <c r="C1017" s="23" t="s">
        <v>839</v>
      </c>
      <c r="D1017" s="23" t="s">
        <v>2241</v>
      </c>
      <c r="E1017" s="1" t="str">
        <f t="shared" si="202"/>
        <v>http://www.sap.com/community/tag.html?id=01200615320800001426</v>
      </c>
      <c r="F1017" s="23" t="s">
        <v>3226</v>
      </c>
      <c r="G1017"/>
      <c r="H1017"/>
      <c r="I1017"/>
      <c r="J1017"/>
    </row>
    <row r="1018" spans="1:10" x14ac:dyDescent="0.25">
      <c r="A1018" s="7"/>
      <c r="B1018"/>
      <c r="C1018" s="23" t="s">
        <v>597</v>
      </c>
      <c r="D1018" s="23" t="s">
        <v>2241</v>
      </c>
      <c r="E1018" s="1" t="str">
        <f t="shared" si="202"/>
        <v>http://www.sap.com/community/tag.html?id=01200615320800001427</v>
      </c>
      <c r="F1018" s="23" t="s">
        <v>3227</v>
      </c>
      <c r="G1018"/>
      <c r="H1018"/>
      <c r="I1018"/>
      <c r="J1018"/>
    </row>
    <row r="1019" spans="1:10" x14ac:dyDescent="0.25">
      <c r="A1019" s="7"/>
      <c r="B1019"/>
      <c r="C1019" s="23" t="s">
        <v>68</v>
      </c>
      <c r="D1019" s="23" t="s">
        <v>2241</v>
      </c>
      <c r="E1019" s="1" t="str">
        <f t="shared" si="202"/>
        <v>http://www.sap.com/community/tag.html?id=01200615320800001428</v>
      </c>
      <c r="F1019" s="23" t="s">
        <v>3228</v>
      </c>
      <c r="G1019"/>
      <c r="H1019"/>
      <c r="I1019"/>
      <c r="J1019"/>
    </row>
    <row r="1020" spans="1:10" x14ac:dyDescent="0.25">
      <c r="A1020" s="7"/>
      <c r="B1020"/>
      <c r="C1020" s="23" t="s">
        <v>264</v>
      </c>
      <c r="D1020" s="23" t="s">
        <v>2241</v>
      </c>
      <c r="E1020" s="1" t="str">
        <f t="shared" si="202"/>
        <v>http://www.sap.com/community/tag.html?id=01200615320800001429</v>
      </c>
      <c r="F1020" s="23" t="s">
        <v>3229</v>
      </c>
      <c r="G1020"/>
      <c r="H1020"/>
      <c r="I1020"/>
      <c r="J1020"/>
    </row>
    <row r="1021" spans="1:10" x14ac:dyDescent="0.25">
      <c r="A1021" s="7"/>
      <c r="B1021"/>
      <c r="C1021" s="23" t="s">
        <v>761</v>
      </c>
      <c r="D1021" s="23" t="s">
        <v>2241</v>
      </c>
      <c r="E1021" s="1" t="str">
        <f t="shared" si="202"/>
        <v>http://www.sap.com/community/tag.html?id=01200615320800001430</v>
      </c>
      <c r="F1021" s="23" t="s">
        <v>3230</v>
      </c>
      <c r="G1021"/>
      <c r="H1021"/>
      <c r="I1021"/>
      <c r="J1021"/>
    </row>
    <row r="1022" spans="1:10" x14ac:dyDescent="0.25">
      <c r="A1022" s="7"/>
      <c r="B1022"/>
      <c r="C1022" s="23" t="s">
        <v>657</v>
      </c>
      <c r="D1022" s="23" t="s">
        <v>2241</v>
      </c>
      <c r="E1022" s="1" t="str">
        <f t="shared" si="202"/>
        <v>http://www.sap.com/community/tag.html?id=01200615320800001431</v>
      </c>
      <c r="F1022" s="23" t="s">
        <v>3231</v>
      </c>
      <c r="G1022"/>
      <c r="H1022"/>
      <c r="I1022"/>
      <c r="J1022"/>
    </row>
    <row r="1023" spans="1:10" x14ac:dyDescent="0.25">
      <c r="A1023" s="7"/>
      <c r="B1023"/>
      <c r="C1023" s="23" t="s">
        <v>625</v>
      </c>
      <c r="D1023" s="23" t="s">
        <v>2241</v>
      </c>
      <c r="E1023" s="1" t="str">
        <f t="shared" si="202"/>
        <v>http://www.sap.com/community/tag.html?id=01200615320800001434</v>
      </c>
      <c r="F1023" s="23" t="s">
        <v>3232</v>
      </c>
      <c r="G1023"/>
      <c r="H1023"/>
      <c r="I1023"/>
      <c r="J1023"/>
    </row>
    <row r="1024" spans="1:10" x14ac:dyDescent="0.25">
      <c r="A1024" s="7"/>
      <c r="B1024"/>
      <c r="C1024" s="23" t="s">
        <v>2183</v>
      </c>
      <c r="D1024" s="23" t="s">
        <v>2241</v>
      </c>
      <c r="E1024" s="1" t="str">
        <f t="shared" si="202"/>
        <v>http://www.sap.com/community/tag.html?id=01200615320800001435</v>
      </c>
      <c r="F1024" s="23" t="s">
        <v>3233</v>
      </c>
      <c r="G1024"/>
      <c r="H1024"/>
      <c r="I1024"/>
      <c r="J1024"/>
    </row>
    <row r="1025" spans="1:10" x14ac:dyDescent="0.25">
      <c r="A1025" s="7"/>
      <c r="B1025"/>
      <c r="C1025" s="23" t="s">
        <v>156</v>
      </c>
      <c r="D1025" s="23" t="s">
        <v>2241</v>
      </c>
      <c r="E1025" s="1" t="str">
        <f t="shared" si="202"/>
        <v>http://www.sap.com/community/tag.html?id=01200615320800001436</v>
      </c>
      <c r="F1025" s="23" t="s">
        <v>3234</v>
      </c>
      <c r="G1025"/>
      <c r="H1025"/>
      <c r="I1025"/>
      <c r="J1025"/>
    </row>
    <row r="1026" spans="1:10" x14ac:dyDescent="0.25">
      <c r="A1026" s="7"/>
      <c r="B1026"/>
      <c r="C1026" s="23" t="s">
        <v>436</v>
      </c>
      <c r="D1026" s="23" t="s">
        <v>2241</v>
      </c>
      <c r="E1026" s="1" t="str">
        <f t="shared" si="202"/>
        <v>http://www.sap.com/community/tag.html?id=01200615320800001437</v>
      </c>
      <c r="F1026" s="23" t="s">
        <v>3235</v>
      </c>
      <c r="G1026"/>
      <c r="H1026"/>
      <c r="I1026"/>
      <c r="J1026"/>
    </row>
    <row r="1027" spans="1:10" x14ac:dyDescent="0.25">
      <c r="A1027" s="7"/>
      <c r="B1027"/>
      <c r="C1027" s="23" t="s">
        <v>629</v>
      </c>
      <c r="D1027" s="23" t="s">
        <v>2241</v>
      </c>
      <c r="E1027" s="1" t="str">
        <f t="shared" si="202"/>
        <v>http://www.sap.com/community/tag.html?id=01200615320800001438</v>
      </c>
      <c r="F1027" s="23" t="s">
        <v>3236</v>
      </c>
      <c r="G1027"/>
      <c r="H1027"/>
      <c r="I1027"/>
      <c r="J1027"/>
    </row>
    <row r="1028" spans="1:10" x14ac:dyDescent="0.25">
      <c r="A1028" s="7"/>
      <c r="B1028"/>
      <c r="C1028" s="23" t="s">
        <v>1116</v>
      </c>
      <c r="D1028" s="23" t="s">
        <v>2241</v>
      </c>
      <c r="E1028" s="1" t="str">
        <f t="shared" si="202"/>
        <v>http://www.sap.com/community/tag.html?id=01200615320800001439</v>
      </c>
      <c r="F1028" s="23" t="s">
        <v>3237</v>
      </c>
      <c r="G1028"/>
      <c r="H1028"/>
      <c r="I1028"/>
      <c r="J1028"/>
    </row>
    <row r="1029" spans="1:10" x14ac:dyDescent="0.25">
      <c r="A1029" s="7"/>
      <c r="B1029"/>
      <c r="C1029" s="23" t="s">
        <v>1911</v>
      </c>
      <c r="D1029" s="23" t="s">
        <v>2241</v>
      </c>
      <c r="E1029" s="1" t="str">
        <f t="shared" si="202"/>
        <v>http://www.sap.com/community/tag.html?id=01200615320800001471</v>
      </c>
      <c r="F1029" s="23" t="s">
        <v>3238</v>
      </c>
      <c r="G1029"/>
      <c r="H1029"/>
      <c r="I1029"/>
      <c r="J1029"/>
    </row>
    <row r="1030" spans="1:10" x14ac:dyDescent="0.25">
      <c r="A1030" s="7"/>
      <c r="B1030"/>
      <c r="C1030" s="23" t="s">
        <v>1693</v>
      </c>
      <c r="D1030" s="23" t="s">
        <v>2241</v>
      </c>
      <c r="E1030" s="1" t="str">
        <f t="shared" si="202"/>
        <v>http://www.sap.com/community/tag.html?id=01200615320800001497</v>
      </c>
      <c r="F1030" s="23" t="s">
        <v>3239</v>
      </c>
      <c r="G1030"/>
      <c r="H1030"/>
      <c r="I1030"/>
      <c r="J1030"/>
    </row>
    <row r="1031" spans="1:10" x14ac:dyDescent="0.25">
      <c r="A1031" s="7"/>
      <c r="B1031"/>
      <c r="C1031" s="23" t="s">
        <v>205</v>
      </c>
      <c r="D1031" s="23" t="s">
        <v>2241</v>
      </c>
      <c r="E1031" s="1" t="str">
        <f t="shared" si="202"/>
        <v>http://www.sap.com/community/tag.html?id=01200615320800001498</v>
      </c>
      <c r="F1031" s="23" t="s">
        <v>3240</v>
      </c>
      <c r="G1031"/>
      <c r="H1031"/>
      <c r="I1031"/>
      <c r="J1031"/>
    </row>
    <row r="1032" spans="1:10" x14ac:dyDescent="0.25">
      <c r="A1032" s="7"/>
      <c r="B1032"/>
      <c r="C1032" s="23" t="s">
        <v>849</v>
      </c>
      <c r="D1032" s="23" t="s">
        <v>2241</v>
      </c>
      <c r="E1032" s="1" t="str">
        <f t="shared" si="202"/>
        <v>http://www.sap.com/community/tag.html?id=01200615320800001499</v>
      </c>
      <c r="F1032" s="23" t="s">
        <v>3241</v>
      </c>
      <c r="G1032"/>
      <c r="H1032"/>
      <c r="I1032"/>
      <c r="J1032"/>
    </row>
    <row r="1033" spans="1:10" x14ac:dyDescent="0.25">
      <c r="A1033" s="7"/>
      <c r="B1033"/>
      <c r="C1033" s="23" t="s">
        <v>1915</v>
      </c>
      <c r="D1033" s="23" t="s">
        <v>2241</v>
      </c>
      <c r="E1033" s="1" t="str">
        <f t="shared" si="202"/>
        <v>http://www.sap.com/community/tag.html?id=01200615320800001500</v>
      </c>
      <c r="F1033" s="23" t="s">
        <v>3242</v>
      </c>
      <c r="G1033"/>
      <c r="H1033"/>
      <c r="I1033"/>
      <c r="J1033"/>
    </row>
    <row r="1034" spans="1:10" x14ac:dyDescent="0.25">
      <c r="A1034" s="7"/>
      <c r="B1034"/>
      <c r="C1034" s="23" t="s">
        <v>1824</v>
      </c>
      <c r="D1034" s="23" t="s">
        <v>2241</v>
      </c>
      <c r="E1034" s="1" t="str">
        <f t="shared" si="202"/>
        <v>http://www.sap.com/community/tag.html?id=01200615320800001501</v>
      </c>
      <c r="F1034" s="23" t="s">
        <v>3243</v>
      </c>
      <c r="G1034"/>
      <c r="H1034"/>
      <c r="I1034"/>
      <c r="J1034"/>
    </row>
    <row r="1035" spans="1:10" x14ac:dyDescent="0.25">
      <c r="A1035" s="7"/>
      <c r="B1035"/>
      <c r="C1035" s="23" t="s">
        <v>795</v>
      </c>
      <c r="D1035" s="23" t="s">
        <v>2241</v>
      </c>
      <c r="E1035" s="1" t="str">
        <f t="shared" si="202"/>
        <v>http://www.sap.com/community/tag.html?id=01200615320800001502</v>
      </c>
      <c r="F1035" s="23" t="s">
        <v>3244</v>
      </c>
      <c r="G1035"/>
      <c r="H1035"/>
      <c r="I1035"/>
      <c r="J1035"/>
    </row>
    <row r="1036" spans="1:10" x14ac:dyDescent="0.25">
      <c r="A1036" s="7"/>
      <c r="B1036"/>
      <c r="C1036" s="23" t="s">
        <v>1533</v>
      </c>
      <c r="D1036" s="23" t="s">
        <v>2241</v>
      </c>
      <c r="E1036" s="1" t="str">
        <f t="shared" si="202"/>
        <v>http://www.sap.com/community/tag.html?id=01200615320800001503</v>
      </c>
      <c r="F1036" s="23" t="s">
        <v>3245</v>
      </c>
      <c r="G1036"/>
      <c r="H1036"/>
      <c r="I1036"/>
      <c r="J1036"/>
    </row>
    <row r="1037" spans="1:10" x14ac:dyDescent="0.25">
      <c r="A1037" s="7"/>
      <c r="B1037"/>
      <c r="C1037" s="23" t="s">
        <v>812</v>
      </c>
      <c r="D1037" s="23" t="s">
        <v>2241</v>
      </c>
      <c r="E1037" s="1" t="str">
        <f t="shared" si="202"/>
        <v>http://www.sap.com/community/tag.html?id=01200615320800001504</v>
      </c>
      <c r="F1037" s="23" t="s">
        <v>3246</v>
      </c>
      <c r="G1037"/>
      <c r="H1037"/>
      <c r="I1037"/>
      <c r="J1037"/>
    </row>
    <row r="1038" spans="1:10" x14ac:dyDescent="0.25">
      <c r="A1038" s="7"/>
      <c r="B1038"/>
      <c r="C1038" s="23" t="s">
        <v>2047</v>
      </c>
      <c r="D1038" s="23" t="s">
        <v>2241</v>
      </c>
      <c r="E1038" s="1" t="str">
        <f t="shared" si="202"/>
        <v>http://www.sap.com/community/tag.html?id=01200615320800001505</v>
      </c>
      <c r="F1038" s="23" t="s">
        <v>3247</v>
      </c>
      <c r="G1038"/>
      <c r="H1038"/>
      <c r="I1038"/>
      <c r="J1038"/>
    </row>
    <row r="1039" spans="1:10" x14ac:dyDescent="0.25">
      <c r="A1039" s="7"/>
      <c r="B1039"/>
      <c r="C1039" s="23" t="s">
        <v>1275</v>
      </c>
      <c r="D1039" s="23" t="s">
        <v>2241</v>
      </c>
      <c r="E1039" s="1" t="str">
        <f t="shared" si="202"/>
        <v>http://www.sap.com/community/tag.html?id=01200615320800001506</v>
      </c>
      <c r="F1039" s="23" t="s">
        <v>3248</v>
      </c>
      <c r="G1039"/>
      <c r="H1039"/>
      <c r="I1039"/>
      <c r="J1039"/>
    </row>
    <row r="1040" spans="1:10" x14ac:dyDescent="0.25">
      <c r="A1040" s="7"/>
      <c r="B1040"/>
      <c r="C1040" s="23" t="s">
        <v>1101</v>
      </c>
      <c r="D1040" s="23" t="s">
        <v>2241</v>
      </c>
      <c r="E1040" s="1" t="str">
        <f t="shared" si="202"/>
        <v>http://www.sap.com/community/tag.html?id=01200615320800001507</v>
      </c>
      <c r="F1040" s="23" t="s">
        <v>3249</v>
      </c>
      <c r="G1040"/>
      <c r="H1040"/>
      <c r="I1040"/>
      <c r="J1040"/>
    </row>
    <row r="1041" spans="1:10" x14ac:dyDescent="0.25">
      <c r="A1041" s="7"/>
      <c r="B1041"/>
      <c r="C1041" s="23" t="s">
        <v>1560</v>
      </c>
      <c r="D1041" s="23" t="s">
        <v>2241</v>
      </c>
      <c r="E1041" s="1" t="str">
        <f t="shared" si="202"/>
        <v>http://www.sap.com/community/tag.html?id=01200615320800001508</v>
      </c>
      <c r="F1041" s="23" t="s">
        <v>3250</v>
      </c>
      <c r="G1041"/>
      <c r="H1041"/>
      <c r="I1041"/>
      <c r="J1041"/>
    </row>
    <row r="1042" spans="1:10" x14ac:dyDescent="0.25">
      <c r="A1042" s="7"/>
      <c r="B1042"/>
      <c r="C1042" s="23" t="s">
        <v>2032</v>
      </c>
      <c r="D1042" s="23" t="s">
        <v>2241</v>
      </c>
      <c r="E1042" s="1" t="str">
        <f t="shared" si="202"/>
        <v>http://www.sap.com/community/tag.html?id=01200615320800001509</v>
      </c>
      <c r="F1042" s="23" t="s">
        <v>3251</v>
      </c>
      <c r="G1042"/>
      <c r="H1042"/>
      <c r="I1042"/>
      <c r="J1042"/>
    </row>
    <row r="1043" spans="1:10" x14ac:dyDescent="0.25">
      <c r="A1043" s="7"/>
      <c r="B1043"/>
      <c r="C1043" s="23" t="s">
        <v>973</v>
      </c>
      <c r="D1043" s="23" t="s">
        <v>2241</v>
      </c>
      <c r="E1043" s="1" t="str">
        <f t="shared" si="202"/>
        <v>http://www.sap.com/community/tag.html?id=01200615320800001510</v>
      </c>
      <c r="F1043" s="23" t="s">
        <v>3252</v>
      </c>
      <c r="G1043"/>
      <c r="H1043"/>
      <c r="I1043"/>
      <c r="J1043"/>
    </row>
    <row r="1044" spans="1:10" x14ac:dyDescent="0.25">
      <c r="A1044" s="7"/>
      <c r="B1044"/>
      <c r="C1044" s="23" t="s">
        <v>1600</v>
      </c>
      <c r="D1044" s="23" t="s">
        <v>2241</v>
      </c>
      <c r="E1044" s="1" t="str">
        <f t="shared" si="202"/>
        <v>http://www.sap.com/community/tag.html?id=01200615320800001511</v>
      </c>
      <c r="F1044" s="23" t="s">
        <v>3253</v>
      </c>
      <c r="G1044"/>
      <c r="H1044"/>
      <c r="I1044"/>
      <c r="J1044"/>
    </row>
    <row r="1045" spans="1:10" x14ac:dyDescent="0.25">
      <c r="A1045" s="7"/>
      <c r="B1045"/>
      <c r="C1045" s="23" t="s">
        <v>292</v>
      </c>
      <c r="D1045" s="23" t="s">
        <v>2241</v>
      </c>
      <c r="E1045" s="1" t="str">
        <f t="shared" si="202"/>
        <v>http://www.sap.com/community/tag.html?id=01200615320800001512</v>
      </c>
      <c r="F1045" s="23" t="s">
        <v>3254</v>
      </c>
      <c r="G1045"/>
      <c r="H1045"/>
      <c r="I1045"/>
      <c r="J1045"/>
    </row>
    <row r="1046" spans="1:10" x14ac:dyDescent="0.25">
      <c r="A1046" s="7"/>
      <c r="B1046"/>
      <c r="C1046" s="23" t="s">
        <v>2058</v>
      </c>
      <c r="D1046" s="23" t="s">
        <v>2241</v>
      </c>
      <c r="E1046" s="1" t="str">
        <f t="shared" si="202"/>
        <v>http://www.sap.com/community/tag.html?id=01200615320800001513</v>
      </c>
      <c r="F1046" s="23" t="s">
        <v>3255</v>
      </c>
      <c r="G1046"/>
      <c r="H1046"/>
      <c r="I1046"/>
      <c r="J1046"/>
    </row>
    <row r="1047" spans="1:10" x14ac:dyDescent="0.25">
      <c r="A1047" s="7"/>
      <c r="B1047"/>
      <c r="C1047" s="23" t="s">
        <v>253</v>
      </c>
      <c r="D1047" s="23" t="s">
        <v>2241</v>
      </c>
      <c r="E1047" s="1" t="str">
        <f t="shared" si="202"/>
        <v>http://www.sap.com/community/tag.html?id=01200615320800001515</v>
      </c>
      <c r="F1047" s="23" t="s">
        <v>3256</v>
      </c>
      <c r="G1047"/>
      <c r="H1047"/>
      <c r="I1047"/>
      <c r="J1047"/>
    </row>
    <row r="1048" spans="1:10" x14ac:dyDescent="0.25">
      <c r="A1048" s="7"/>
      <c r="B1048"/>
      <c r="C1048" s="23" t="s">
        <v>1263</v>
      </c>
      <c r="D1048" s="23" t="s">
        <v>2241</v>
      </c>
      <c r="E1048" s="1" t="str">
        <f t="shared" si="202"/>
        <v>http://www.sap.com/community/tag.html?id=01200615320800001516</v>
      </c>
      <c r="F1048" s="23" t="s">
        <v>3257</v>
      </c>
      <c r="G1048"/>
      <c r="H1048"/>
      <c r="I1048"/>
      <c r="J1048"/>
    </row>
    <row r="1049" spans="1:10" x14ac:dyDescent="0.25">
      <c r="A1049" s="7"/>
      <c r="B1049"/>
      <c r="C1049" s="23" t="s">
        <v>428</v>
      </c>
      <c r="D1049" s="23" t="s">
        <v>2241</v>
      </c>
      <c r="E1049" s="1" t="str">
        <f t="shared" si="202"/>
        <v>http://www.sap.com/community/tag.html?id=01200615320800001517</v>
      </c>
      <c r="F1049" s="23" t="s">
        <v>3258</v>
      </c>
      <c r="G1049"/>
      <c r="H1049"/>
      <c r="I1049"/>
      <c r="J1049"/>
    </row>
    <row r="1050" spans="1:10" x14ac:dyDescent="0.25">
      <c r="A1050" s="7"/>
      <c r="B1050"/>
      <c r="C1050" s="23" t="s">
        <v>1338</v>
      </c>
      <c r="D1050" s="23" t="s">
        <v>2241</v>
      </c>
      <c r="E1050" s="1" t="str">
        <f t="shared" si="202"/>
        <v>http://www.sap.com/community/tag.html?id=01200615320800001518</v>
      </c>
      <c r="F1050" s="23" t="s">
        <v>3259</v>
      </c>
      <c r="G1050"/>
      <c r="H1050"/>
      <c r="I1050"/>
      <c r="J1050"/>
    </row>
    <row r="1051" spans="1:10" x14ac:dyDescent="0.25">
      <c r="A1051" s="7"/>
      <c r="B1051"/>
      <c r="C1051" s="23" t="s">
        <v>1107</v>
      </c>
      <c r="D1051" s="23" t="s">
        <v>2241</v>
      </c>
      <c r="E1051" s="1" t="str">
        <f t="shared" si="202"/>
        <v>http://www.sap.com/community/tag.html?id=01200615320800001519</v>
      </c>
      <c r="F1051" s="23" t="s">
        <v>3260</v>
      </c>
      <c r="G1051"/>
      <c r="H1051"/>
      <c r="I1051"/>
      <c r="J1051"/>
    </row>
    <row r="1052" spans="1:10" x14ac:dyDescent="0.25">
      <c r="A1052" s="7"/>
      <c r="B1052"/>
      <c r="C1052" s="23" t="s">
        <v>658</v>
      </c>
      <c r="D1052" s="23" t="s">
        <v>2241</v>
      </c>
      <c r="E1052" s="1" t="str">
        <f t="shared" si="202"/>
        <v>http://www.sap.com/community/tag.html?id=01200615320800001520</v>
      </c>
      <c r="F1052" s="23" t="s">
        <v>3261</v>
      </c>
      <c r="G1052"/>
      <c r="H1052"/>
      <c r="I1052"/>
      <c r="J1052"/>
    </row>
    <row r="1053" spans="1:10" x14ac:dyDescent="0.25">
      <c r="A1053" s="7"/>
      <c r="B1053"/>
      <c r="C1053" s="23" t="s">
        <v>1017</v>
      </c>
      <c r="D1053" s="23" t="s">
        <v>2241</v>
      </c>
      <c r="E1053" s="1" t="str">
        <f t="shared" si="202"/>
        <v>http://www.sap.com/community/tag.html?id=01200615320800001521</v>
      </c>
      <c r="F1053" s="23" t="s">
        <v>3262</v>
      </c>
      <c r="G1053"/>
      <c r="H1053"/>
      <c r="I1053"/>
      <c r="J1053"/>
    </row>
    <row r="1054" spans="1:10" x14ac:dyDescent="0.25">
      <c r="A1054" s="7"/>
      <c r="B1054"/>
      <c r="C1054" s="23" t="s">
        <v>1268</v>
      </c>
      <c r="D1054" s="23" t="s">
        <v>2241</v>
      </c>
      <c r="E1054" s="1" t="str">
        <f t="shared" si="202"/>
        <v>http://www.sap.com/community/tag.html?id=01200615320800001522</v>
      </c>
      <c r="F1054" s="23" t="s">
        <v>3263</v>
      </c>
      <c r="G1054"/>
      <c r="H1054"/>
      <c r="I1054"/>
      <c r="J1054"/>
    </row>
    <row r="1055" spans="1:10" x14ac:dyDescent="0.25">
      <c r="A1055" s="7"/>
      <c r="B1055"/>
      <c r="C1055" s="23" t="s">
        <v>37</v>
      </c>
      <c r="D1055" s="23" t="s">
        <v>2241</v>
      </c>
      <c r="E1055" s="1" t="str">
        <f t="shared" si="202"/>
        <v>http://www.sap.com/community/tag.html?id=01200615320800001523</v>
      </c>
      <c r="F1055" s="23" t="s">
        <v>3264</v>
      </c>
      <c r="G1055"/>
      <c r="H1055"/>
      <c r="I1055"/>
      <c r="J1055"/>
    </row>
    <row r="1056" spans="1:10" x14ac:dyDescent="0.25">
      <c r="A1056" s="7"/>
      <c r="B1056"/>
      <c r="C1056" s="23" t="s">
        <v>1308</v>
      </c>
      <c r="D1056" s="23" t="s">
        <v>2241</v>
      </c>
      <c r="E1056" s="1" t="str">
        <f t="shared" si="202"/>
        <v>http://www.sap.com/community/tag.html?id=01200615320800001524</v>
      </c>
      <c r="F1056" s="23" t="s">
        <v>3265</v>
      </c>
      <c r="G1056"/>
      <c r="H1056"/>
      <c r="I1056"/>
      <c r="J1056"/>
    </row>
    <row r="1057" spans="1:10" x14ac:dyDescent="0.25">
      <c r="A1057" s="7"/>
      <c r="B1057"/>
      <c r="C1057" s="23" t="s">
        <v>1682</v>
      </c>
      <c r="D1057" s="23" t="s">
        <v>2241</v>
      </c>
      <c r="E1057" s="1" t="str">
        <f t="shared" si="202"/>
        <v>http://www.sap.com/community/tag.html?id=01200615320800001525</v>
      </c>
      <c r="F1057" s="23" t="s">
        <v>3266</v>
      </c>
      <c r="G1057"/>
      <c r="H1057"/>
      <c r="I1057"/>
      <c r="J1057"/>
    </row>
    <row r="1058" spans="1:10" x14ac:dyDescent="0.25">
      <c r="A1058" s="7"/>
      <c r="B1058"/>
      <c r="C1058" s="23" t="s">
        <v>1196</v>
      </c>
      <c r="D1058" s="23" t="s">
        <v>2241</v>
      </c>
      <c r="E1058" s="1" t="str">
        <f t="shared" si="202"/>
        <v>http://www.sap.com/community/tag.html?id=01200615320800001526</v>
      </c>
      <c r="F1058" s="23" t="s">
        <v>3267</v>
      </c>
      <c r="G1058"/>
      <c r="H1058"/>
      <c r="I1058"/>
      <c r="J1058"/>
    </row>
    <row r="1059" spans="1:10" x14ac:dyDescent="0.25">
      <c r="A1059" s="7"/>
      <c r="B1059"/>
      <c r="C1059" s="23" t="s">
        <v>1777</v>
      </c>
      <c r="D1059" s="23" t="s">
        <v>2241</v>
      </c>
      <c r="E1059" s="1" t="str">
        <f t="shared" si="202"/>
        <v>http://www.sap.com/community/tag.html?id=01200615320800001527</v>
      </c>
      <c r="F1059" s="23" t="s">
        <v>3268</v>
      </c>
      <c r="G1059"/>
      <c r="H1059"/>
      <c r="I1059"/>
      <c r="J1059"/>
    </row>
    <row r="1060" spans="1:10" x14ac:dyDescent="0.25">
      <c r="A1060" s="7"/>
      <c r="B1060"/>
      <c r="C1060" s="23" t="s">
        <v>1075</v>
      </c>
      <c r="D1060" s="23" t="s">
        <v>2241</v>
      </c>
      <c r="E1060" s="1" t="str">
        <f t="shared" si="202"/>
        <v>http://www.sap.com/community/tag.html?id=01200615320800001528</v>
      </c>
      <c r="F1060" s="23" t="s">
        <v>3269</v>
      </c>
      <c r="G1060"/>
      <c r="H1060"/>
      <c r="I1060"/>
      <c r="J1060"/>
    </row>
    <row r="1061" spans="1:10" x14ac:dyDescent="0.25">
      <c r="A1061" s="7"/>
      <c r="B1061"/>
      <c r="C1061" s="23" t="s">
        <v>1542</v>
      </c>
      <c r="D1061" s="23" t="s">
        <v>2241</v>
      </c>
      <c r="E1061" s="1" t="str">
        <f t="shared" si="202"/>
        <v>http://www.sap.com/community/tag.html?id=01200615320800001529</v>
      </c>
      <c r="F1061" s="23" t="s">
        <v>3270</v>
      </c>
      <c r="G1061"/>
      <c r="H1061"/>
      <c r="I1061"/>
      <c r="J1061"/>
    </row>
    <row r="1062" spans="1:10" x14ac:dyDescent="0.25">
      <c r="A1062" s="7"/>
      <c r="B1062"/>
      <c r="C1062" s="23" t="s">
        <v>1334</v>
      </c>
      <c r="D1062" s="23" t="s">
        <v>2241</v>
      </c>
      <c r="E1062" s="1" t="str">
        <f t="shared" si="202"/>
        <v>http://www.sap.com/community/tag.html?id=01200615320800001588</v>
      </c>
      <c r="F1062" s="23" t="s">
        <v>3271</v>
      </c>
      <c r="G1062"/>
      <c r="H1062"/>
      <c r="I1062"/>
      <c r="J1062"/>
    </row>
    <row r="1063" spans="1:10" x14ac:dyDescent="0.25">
      <c r="A1063" s="7"/>
      <c r="B1063"/>
      <c r="C1063" s="23" t="s">
        <v>223</v>
      </c>
      <c r="D1063" s="23" t="s">
        <v>2241</v>
      </c>
      <c r="E1063" s="1" t="str">
        <f t="shared" si="202"/>
        <v>http://www.sap.com/community/tag.html?id=01200615320800001563</v>
      </c>
      <c r="F1063" s="23" t="s">
        <v>3272</v>
      </c>
      <c r="G1063"/>
      <c r="H1063"/>
      <c r="I1063"/>
      <c r="J1063"/>
    </row>
    <row r="1064" spans="1:10" x14ac:dyDescent="0.25">
      <c r="A1064" s="7"/>
      <c r="B1064"/>
      <c r="C1064" s="23" t="s">
        <v>1457</v>
      </c>
      <c r="D1064" s="23" t="s">
        <v>2241</v>
      </c>
      <c r="E1064" s="1" t="str">
        <f t="shared" si="202"/>
        <v>http://www.sap.com/community/tag.html?id=01200615320800001564</v>
      </c>
      <c r="F1064" s="23" t="s">
        <v>3273</v>
      </c>
      <c r="G1064"/>
      <c r="H1064"/>
      <c r="I1064"/>
      <c r="J1064"/>
    </row>
    <row r="1065" spans="1:10" x14ac:dyDescent="0.25">
      <c r="A1065" s="7"/>
      <c r="B1065"/>
      <c r="C1065" s="23" t="s">
        <v>2135</v>
      </c>
      <c r="D1065" s="23" t="s">
        <v>2241</v>
      </c>
      <c r="E1065" s="1" t="str">
        <f t="shared" si="202"/>
        <v>http://www.sap.com/community/tag.html?id=01200615320800001565</v>
      </c>
      <c r="F1065" s="23" t="s">
        <v>3274</v>
      </c>
      <c r="G1065"/>
      <c r="H1065"/>
      <c r="I1065"/>
      <c r="J1065"/>
    </row>
    <row r="1066" spans="1:10" x14ac:dyDescent="0.25">
      <c r="A1066" s="7"/>
      <c r="B1066"/>
      <c r="C1066" s="23" t="s">
        <v>1031</v>
      </c>
      <c r="D1066" s="23" t="s">
        <v>2241</v>
      </c>
      <c r="E1066" s="1" t="str">
        <f t="shared" si="202"/>
        <v>http://www.sap.com/community/tag.html?id=01200615320800001566</v>
      </c>
      <c r="F1066" s="23" t="s">
        <v>3275</v>
      </c>
      <c r="G1066"/>
      <c r="H1066"/>
      <c r="I1066"/>
      <c r="J1066"/>
    </row>
    <row r="1067" spans="1:10" x14ac:dyDescent="0.25">
      <c r="A1067" s="7"/>
      <c r="B1067"/>
      <c r="C1067" s="23" t="s">
        <v>2212</v>
      </c>
      <c r="D1067" s="23" t="s">
        <v>2241</v>
      </c>
      <c r="E1067" s="1" t="str">
        <f t="shared" si="202"/>
        <v>http://www.sap.com/community/tag.html?id=01200615320800001567</v>
      </c>
      <c r="F1067" s="23" t="s">
        <v>3276</v>
      </c>
      <c r="G1067"/>
      <c r="H1067"/>
      <c r="I1067"/>
      <c r="J1067"/>
    </row>
    <row r="1068" spans="1:10" x14ac:dyDescent="0.25">
      <c r="A1068" s="7"/>
      <c r="B1068"/>
      <c r="C1068" s="23" t="s">
        <v>1258</v>
      </c>
      <c r="D1068" s="23" t="s">
        <v>2241</v>
      </c>
      <c r="E1068" s="1" t="str">
        <f t="shared" si="202"/>
        <v>http://www.sap.com/community/tag.html?id=01200615320800001568</v>
      </c>
      <c r="F1068" s="23" t="s">
        <v>3277</v>
      </c>
      <c r="G1068"/>
      <c r="H1068"/>
      <c r="I1068"/>
      <c r="J1068"/>
    </row>
    <row r="1069" spans="1:10" x14ac:dyDescent="0.25">
      <c r="A1069" s="7"/>
      <c r="B1069"/>
      <c r="C1069" s="23" t="s">
        <v>2141</v>
      </c>
      <c r="D1069" s="23" t="s">
        <v>2241</v>
      </c>
      <c r="E1069" s="1" t="str">
        <f t="shared" si="202"/>
        <v>http://www.sap.com/community/tag.html?id=01200615320800001569</v>
      </c>
      <c r="F1069" s="23" t="s">
        <v>3278</v>
      </c>
      <c r="G1069"/>
      <c r="H1069"/>
      <c r="I1069"/>
      <c r="J1069"/>
    </row>
    <row r="1070" spans="1:10" x14ac:dyDescent="0.25">
      <c r="A1070" s="7"/>
      <c r="B1070"/>
      <c r="C1070" s="23" t="s">
        <v>1136</v>
      </c>
      <c r="D1070" s="23" t="s">
        <v>2241</v>
      </c>
      <c r="E1070" s="1" t="str">
        <f t="shared" si="202"/>
        <v>http://www.sap.com/community/tag.html?id=01200615320800001570</v>
      </c>
      <c r="F1070" s="23" t="s">
        <v>3279</v>
      </c>
      <c r="G1070"/>
      <c r="H1070"/>
      <c r="I1070"/>
      <c r="J1070"/>
    </row>
    <row r="1071" spans="1:10" x14ac:dyDescent="0.25">
      <c r="A1071" s="7"/>
      <c r="B1071"/>
      <c r="C1071" s="23" t="s">
        <v>818</v>
      </c>
      <c r="D1071" s="23" t="s">
        <v>2241</v>
      </c>
      <c r="E1071" s="1" t="str">
        <f t="shared" si="202"/>
        <v>http://www.sap.com/community/tag.html?id=01200615320800001571</v>
      </c>
      <c r="F1071" s="23" t="s">
        <v>3280</v>
      </c>
      <c r="G1071"/>
      <c r="H1071"/>
      <c r="I1071"/>
      <c r="J1071"/>
    </row>
    <row r="1072" spans="1:10" x14ac:dyDescent="0.25">
      <c r="A1072" s="7"/>
      <c r="B1072"/>
      <c r="C1072" s="23" t="s">
        <v>203</v>
      </c>
      <c r="D1072" s="23" t="s">
        <v>2241</v>
      </c>
      <c r="E1072" s="1" t="str">
        <f t="shared" si="202"/>
        <v>http://www.sap.com/community/tag.html?id=01200615320800001572</v>
      </c>
      <c r="F1072" s="23" t="s">
        <v>3281</v>
      </c>
      <c r="G1072"/>
      <c r="H1072"/>
      <c r="I1072"/>
      <c r="J1072"/>
    </row>
    <row r="1073" spans="1:10" x14ac:dyDescent="0.25">
      <c r="A1073" s="7"/>
      <c r="B1073"/>
      <c r="C1073" s="23" t="s">
        <v>1364</v>
      </c>
      <c r="D1073" s="23" t="s">
        <v>2241</v>
      </c>
      <c r="E1073" s="1" t="str">
        <f t="shared" si="202"/>
        <v>http://www.sap.com/community/tag.html?id=01200615320800001573</v>
      </c>
      <c r="F1073" s="23" t="s">
        <v>3282</v>
      </c>
      <c r="G1073"/>
      <c r="H1073"/>
      <c r="I1073"/>
      <c r="J1073"/>
    </row>
    <row r="1074" spans="1:10" x14ac:dyDescent="0.25">
      <c r="A1074" s="7"/>
      <c r="B1074"/>
      <c r="C1074" s="23" t="s">
        <v>66</v>
      </c>
      <c r="D1074" s="23" t="s">
        <v>2241</v>
      </c>
      <c r="E1074" s="1" t="str">
        <f t="shared" si="202"/>
        <v>http://www.sap.com/community/tag.html?id=01200615320800001574</v>
      </c>
      <c r="F1074" s="23" t="s">
        <v>3283</v>
      </c>
      <c r="G1074"/>
      <c r="H1074"/>
      <c r="I1074"/>
      <c r="J1074"/>
    </row>
    <row r="1075" spans="1:10" x14ac:dyDescent="0.25">
      <c r="A1075" s="7"/>
      <c r="B1075"/>
      <c r="C1075" s="23" t="s">
        <v>1804</v>
      </c>
      <c r="D1075" s="23" t="s">
        <v>2241</v>
      </c>
      <c r="E1075" s="1" t="str">
        <f t="shared" si="202"/>
        <v>http://www.sap.com/community/tag.html?id=01200615320800001575</v>
      </c>
      <c r="F1075" s="23" t="s">
        <v>3284</v>
      </c>
      <c r="G1075"/>
      <c r="H1075"/>
      <c r="I1075"/>
      <c r="J1075"/>
    </row>
    <row r="1076" spans="1:10" x14ac:dyDescent="0.25">
      <c r="A1076" s="7"/>
      <c r="B1076"/>
      <c r="C1076" s="23" t="s">
        <v>675</v>
      </c>
      <c r="D1076" s="23" t="s">
        <v>2241</v>
      </c>
      <c r="E1076" s="1" t="str">
        <f t="shared" si="202"/>
        <v>http://www.sap.com/community/tag.html?id=01200615320800001576</v>
      </c>
      <c r="F1076" s="23" t="s">
        <v>3285</v>
      </c>
      <c r="G1076"/>
      <c r="H1076"/>
      <c r="I1076"/>
      <c r="J1076"/>
    </row>
    <row r="1077" spans="1:10" x14ac:dyDescent="0.25">
      <c r="A1077" s="7"/>
      <c r="B1077"/>
      <c r="C1077" s="23" t="s">
        <v>1313</v>
      </c>
      <c r="D1077" s="23" t="s">
        <v>2241</v>
      </c>
      <c r="E1077" s="1" t="str">
        <f t="shared" ref="E1077:E1140" si="203" xml:space="preserve"> HYPERLINK(CONCATENATE("http://www.sap.com/community/tag.html?id=",$F1077))</f>
        <v>http://www.sap.com/community/tag.html?id=01200615320800001577</v>
      </c>
      <c r="F1077" s="23" t="s">
        <v>3286</v>
      </c>
      <c r="G1077"/>
      <c r="H1077"/>
      <c r="I1077"/>
      <c r="J1077"/>
    </row>
    <row r="1078" spans="1:10" x14ac:dyDescent="0.25">
      <c r="A1078" s="7"/>
      <c r="B1078"/>
      <c r="C1078" s="23" t="s">
        <v>2085</v>
      </c>
      <c r="D1078" s="23" t="s">
        <v>2241</v>
      </c>
      <c r="E1078" s="1" t="str">
        <f t="shared" si="203"/>
        <v>http://www.sap.com/community/tag.html?id=01200615320800001578</v>
      </c>
      <c r="F1078" s="23" t="s">
        <v>3287</v>
      </c>
      <c r="G1078"/>
      <c r="H1078"/>
      <c r="I1078"/>
      <c r="J1078"/>
    </row>
    <row r="1079" spans="1:10" x14ac:dyDescent="0.25">
      <c r="A1079" s="7"/>
      <c r="B1079"/>
      <c r="C1079" s="23" t="s">
        <v>949</v>
      </c>
      <c r="D1079" s="23" t="s">
        <v>2241</v>
      </c>
      <c r="E1079" s="1" t="str">
        <f t="shared" si="203"/>
        <v>http://www.sap.com/community/tag.html?id=01200615320800001579</v>
      </c>
      <c r="F1079" s="23" t="s">
        <v>3288</v>
      </c>
      <c r="G1079"/>
      <c r="H1079"/>
      <c r="I1079"/>
      <c r="J1079"/>
    </row>
    <row r="1080" spans="1:10" x14ac:dyDescent="0.25">
      <c r="A1080" s="7"/>
      <c r="B1080"/>
      <c r="C1080" s="23" t="s">
        <v>1532</v>
      </c>
      <c r="D1080" s="23" t="s">
        <v>2241</v>
      </c>
      <c r="E1080" s="1" t="str">
        <f t="shared" si="203"/>
        <v>http://www.sap.com/community/tag.html?id=01200615320800001580</v>
      </c>
      <c r="F1080" s="23" t="s">
        <v>3289</v>
      </c>
      <c r="G1080"/>
      <c r="H1080"/>
      <c r="I1080"/>
      <c r="J1080"/>
    </row>
    <row r="1081" spans="1:10" x14ac:dyDescent="0.25">
      <c r="A1081" s="7"/>
      <c r="B1081"/>
      <c r="C1081" s="23" t="s">
        <v>1290</v>
      </c>
      <c r="D1081" s="23" t="s">
        <v>2241</v>
      </c>
      <c r="E1081" s="1" t="str">
        <f t="shared" si="203"/>
        <v>http://www.sap.com/community/tag.html?id=01200615320800001581</v>
      </c>
      <c r="F1081" s="23" t="s">
        <v>3290</v>
      </c>
      <c r="G1081"/>
      <c r="H1081"/>
      <c r="I1081"/>
      <c r="J1081"/>
    </row>
    <row r="1082" spans="1:10" x14ac:dyDescent="0.25">
      <c r="A1082" s="7"/>
      <c r="B1082"/>
      <c r="C1082" s="23" t="s">
        <v>391</v>
      </c>
      <c r="D1082" s="23" t="s">
        <v>2241</v>
      </c>
      <c r="E1082" s="1" t="str">
        <f t="shared" si="203"/>
        <v>http://www.sap.com/community/tag.html?id=01200615320800001582</v>
      </c>
      <c r="F1082" s="23" t="s">
        <v>3291</v>
      </c>
      <c r="G1082"/>
      <c r="H1082"/>
      <c r="I1082"/>
      <c r="J1082"/>
    </row>
    <row r="1083" spans="1:10" x14ac:dyDescent="0.25">
      <c r="A1083" s="7"/>
      <c r="B1083"/>
      <c r="C1083" s="23" t="s">
        <v>622</v>
      </c>
      <c r="D1083" s="23" t="s">
        <v>2241</v>
      </c>
      <c r="E1083" s="1" t="str">
        <f t="shared" si="203"/>
        <v>http://www.sap.com/community/tag.html?id=01200615320800001583</v>
      </c>
      <c r="F1083" s="23" t="s">
        <v>3292</v>
      </c>
      <c r="G1083"/>
      <c r="H1083"/>
      <c r="I1083"/>
      <c r="J1083"/>
    </row>
    <row r="1084" spans="1:10" x14ac:dyDescent="0.25">
      <c r="A1084" s="7"/>
      <c r="B1084"/>
      <c r="C1084" s="23" t="s">
        <v>1370</v>
      </c>
      <c r="D1084" s="23" t="s">
        <v>2241</v>
      </c>
      <c r="E1084" s="1" t="str">
        <f t="shared" si="203"/>
        <v>http://www.sap.com/community/tag.html?id=01200615320800001584</v>
      </c>
      <c r="F1084" s="23" t="s">
        <v>3293</v>
      </c>
      <c r="G1084"/>
      <c r="H1084"/>
      <c r="I1084"/>
      <c r="J1084"/>
    </row>
    <row r="1085" spans="1:10" x14ac:dyDescent="0.25">
      <c r="A1085" s="7"/>
      <c r="B1085"/>
      <c r="C1085" s="23" t="s">
        <v>1715</v>
      </c>
      <c r="D1085" s="23" t="s">
        <v>2241</v>
      </c>
      <c r="E1085" s="1" t="str">
        <f t="shared" si="203"/>
        <v>http://www.sap.com/community/tag.html?id=01200615320800001585</v>
      </c>
      <c r="F1085" s="23" t="s">
        <v>3294</v>
      </c>
      <c r="G1085"/>
      <c r="H1085"/>
      <c r="I1085"/>
      <c r="J1085"/>
    </row>
    <row r="1086" spans="1:10" x14ac:dyDescent="0.25">
      <c r="A1086" s="7"/>
      <c r="B1086"/>
      <c r="C1086" s="23" t="s">
        <v>942</v>
      </c>
      <c r="D1086" s="23" t="s">
        <v>2241</v>
      </c>
      <c r="E1086" s="1" t="str">
        <f t="shared" si="203"/>
        <v>http://www.sap.com/community/tag.html?id=01200615320800001586</v>
      </c>
      <c r="F1086" s="23" t="s">
        <v>3295</v>
      </c>
      <c r="G1086"/>
      <c r="H1086"/>
      <c r="I1086"/>
      <c r="J1086"/>
    </row>
    <row r="1087" spans="1:10" x14ac:dyDescent="0.25">
      <c r="A1087" s="7"/>
      <c r="B1087"/>
      <c r="C1087" s="23" t="s">
        <v>715</v>
      </c>
      <c r="D1087" s="23" t="s">
        <v>2241</v>
      </c>
      <c r="E1087" s="1" t="str">
        <f t="shared" si="203"/>
        <v>http://www.sap.com/community/tag.html?id=01200615320800001587</v>
      </c>
      <c r="F1087" s="23" t="s">
        <v>3296</v>
      </c>
      <c r="G1087"/>
      <c r="H1087"/>
      <c r="I1087"/>
      <c r="J1087"/>
    </row>
    <row r="1088" spans="1:10" x14ac:dyDescent="0.25">
      <c r="A1088" s="7"/>
      <c r="B1088"/>
      <c r="C1088" s="23" t="s">
        <v>602</v>
      </c>
      <c r="D1088" s="23" t="s">
        <v>2241</v>
      </c>
      <c r="E1088" s="1" t="str">
        <f t="shared" si="203"/>
        <v>http://www.sap.com/community/tag.html?id=01200615320800001592</v>
      </c>
      <c r="F1088" s="23" t="s">
        <v>3297</v>
      </c>
      <c r="G1088"/>
      <c r="H1088"/>
      <c r="I1088"/>
      <c r="J1088"/>
    </row>
    <row r="1089" spans="1:10" x14ac:dyDescent="0.25">
      <c r="A1089" s="7"/>
      <c r="B1089"/>
      <c r="C1089" s="23" t="s">
        <v>2068</v>
      </c>
      <c r="D1089" s="23" t="s">
        <v>2241</v>
      </c>
      <c r="E1089" s="1" t="str">
        <f t="shared" si="203"/>
        <v>http://www.sap.com/community/tag.html?id=01200615320800001626</v>
      </c>
      <c r="F1089" s="23" t="s">
        <v>3298</v>
      </c>
      <c r="G1089"/>
      <c r="H1089"/>
      <c r="I1089"/>
      <c r="J1089"/>
    </row>
    <row r="1090" spans="1:10" x14ac:dyDescent="0.25">
      <c r="A1090" s="7"/>
      <c r="B1090"/>
      <c r="C1090" s="23" t="s">
        <v>1921</v>
      </c>
      <c r="D1090" s="23" t="s">
        <v>2241</v>
      </c>
      <c r="E1090" s="1" t="str">
        <f t="shared" si="203"/>
        <v>http://www.sap.com/community/tag.html?id=01200615320800001593</v>
      </c>
      <c r="F1090" s="23" t="s">
        <v>3299</v>
      </c>
      <c r="G1090"/>
      <c r="H1090"/>
      <c r="I1090"/>
      <c r="J1090"/>
    </row>
    <row r="1091" spans="1:10" x14ac:dyDescent="0.25">
      <c r="A1091" s="7"/>
      <c r="B1091"/>
      <c r="C1091" s="23" t="s">
        <v>1481</v>
      </c>
      <c r="D1091" s="23" t="s">
        <v>2241</v>
      </c>
      <c r="E1091" s="1" t="str">
        <f t="shared" si="203"/>
        <v>http://www.sap.com/community/tag.html?id=01200615320800001594</v>
      </c>
      <c r="F1091" s="23" t="s">
        <v>3300</v>
      </c>
      <c r="G1091"/>
      <c r="H1091"/>
      <c r="I1091"/>
      <c r="J1091"/>
    </row>
    <row r="1092" spans="1:10" x14ac:dyDescent="0.25">
      <c r="A1092" s="7"/>
      <c r="B1092"/>
      <c r="C1092" s="23" t="s">
        <v>1829</v>
      </c>
      <c r="D1092" s="23" t="s">
        <v>2241</v>
      </c>
      <c r="E1092" s="1" t="str">
        <f t="shared" si="203"/>
        <v>http://www.sap.com/community/tag.html?id=01200615320800001595</v>
      </c>
      <c r="F1092" s="23" t="s">
        <v>3301</v>
      </c>
      <c r="G1092"/>
      <c r="H1092"/>
      <c r="I1092"/>
      <c r="J1092"/>
    </row>
    <row r="1093" spans="1:10" x14ac:dyDescent="0.25">
      <c r="A1093" s="7"/>
      <c r="B1093"/>
      <c r="C1093" s="23" t="s">
        <v>802</v>
      </c>
      <c r="D1093" s="23" t="s">
        <v>2241</v>
      </c>
      <c r="E1093" s="1" t="str">
        <f t="shared" si="203"/>
        <v>http://www.sap.com/community/tag.html?id=01200615320800001596</v>
      </c>
      <c r="F1093" s="23" t="s">
        <v>3302</v>
      </c>
      <c r="G1093"/>
      <c r="H1093"/>
      <c r="I1093"/>
      <c r="J1093"/>
    </row>
    <row r="1094" spans="1:10" x14ac:dyDescent="0.25">
      <c r="A1094" s="7"/>
      <c r="B1094"/>
      <c r="C1094" s="23" t="s">
        <v>238</v>
      </c>
      <c r="D1094" s="23" t="s">
        <v>2241</v>
      </c>
      <c r="E1094" s="1" t="str">
        <f t="shared" si="203"/>
        <v>http://www.sap.com/community/tag.html?id=01200615320800001597</v>
      </c>
      <c r="F1094" s="23" t="s">
        <v>3303</v>
      </c>
      <c r="G1094"/>
      <c r="H1094"/>
      <c r="I1094"/>
      <c r="J1094"/>
    </row>
    <row r="1095" spans="1:10" x14ac:dyDescent="0.25">
      <c r="A1095" s="7"/>
      <c r="B1095"/>
      <c r="C1095" s="23" t="s">
        <v>1860</v>
      </c>
      <c r="D1095" s="23" t="s">
        <v>2241</v>
      </c>
      <c r="E1095" s="1" t="str">
        <f t="shared" si="203"/>
        <v>http://www.sap.com/community/tag.html?id=01200615320800001598</v>
      </c>
      <c r="F1095" s="23" t="s">
        <v>3304</v>
      </c>
      <c r="G1095"/>
      <c r="H1095"/>
      <c r="I1095"/>
      <c r="J1095"/>
    </row>
    <row r="1096" spans="1:10" x14ac:dyDescent="0.25">
      <c r="A1096" s="7"/>
      <c r="B1096"/>
      <c r="C1096" s="23" t="s">
        <v>376</v>
      </c>
      <c r="D1096" s="23" t="s">
        <v>2241</v>
      </c>
      <c r="E1096" s="1" t="str">
        <f t="shared" si="203"/>
        <v>http://www.sap.com/community/tag.html?id=01200615320800001599</v>
      </c>
      <c r="F1096" s="23" t="s">
        <v>3305</v>
      </c>
      <c r="G1096"/>
      <c r="H1096"/>
      <c r="I1096"/>
      <c r="J1096"/>
    </row>
    <row r="1097" spans="1:10" x14ac:dyDescent="0.25">
      <c r="A1097" s="7"/>
      <c r="B1097"/>
      <c r="C1097" s="23" t="s">
        <v>664</v>
      </c>
      <c r="D1097" s="23" t="s">
        <v>2241</v>
      </c>
      <c r="E1097" s="1" t="str">
        <f t="shared" si="203"/>
        <v>http://www.sap.com/community/tag.html?id=01200615320800001447</v>
      </c>
      <c r="F1097" s="23" t="s">
        <v>3306</v>
      </c>
      <c r="G1097"/>
      <c r="H1097"/>
      <c r="I1097"/>
      <c r="J1097"/>
    </row>
    <row r="1098" spans="1:10" x14ac:dyDescent="0.25">
      <c r="A1098" s="7"/>
      <c r="B1098"/>
      <c r="C1098" s="23" t="s">
        <v>598</v>
      </c>
      <c r="D1098" s="23" t="s">
        <v>2241</v>
      </c>
      <c r="E1098" s="1" t="str">
        <f t="shared" si="203"/>
        <v>http://www.sap.com/community/tag.html?id=01200615320800001448</v>
      </c>
      <c r="F1098" s="23" t="s">
        <v>3307</v>
      </c>
      <c r="G1098"/>
      <c r="H1098"/>
      <c r="I1098"/>
      <c r="J1098"/>
    </row>
    <row r="1099" spans="1:10" x14ac:dyDescent="0.25">
      <c r="A1099" s="7"/>
      <c r="B1099"/>
      <c r="C1099" s="23" t="s">
        <v>2119</v>
      </c>
      <c r="D1099" s="23" t="s">
        <v>2241</v>
      </c>
      <c r="E1099" s="1" t="str">
        <f t="shared" si="203"/>
        <v>http://www.sap.com/community/tag.html?id=01200615320800001449</v>
      </c>
      <c r="F1099" s="23" t="s">
        <v>3308</v>
      </c>
      <c r="G1099"/>
      <c r="H1099"/>
      <c r="I1099"/>
      <c r="J1099"/>
    </row>
    <row r="1100" spans="1:10" x14ac:dyDescent="0.25">
      <c r="A1100" s="7"/>
      <c r="B1100"/>
      <c r="C1100" s="23" t="s">
        <v>239</v>
      </c>
      <c r="D1100" s="23" t="s">
        <v>2241</v>
      </c>
      <c r="E1100" s="1" t="str">
        <f t="shared" si="203"/>
        <v>http://www.sap.com/community/tag.html?id=01200615320800001450</v>
      </c>
      <c r="F1100" s="23" t="s">
        <v>3309</v>
      </c>
      <c r="G1100"/>
      <c r="H1100"/>
      <c r="I1100"/>
      <c r="J1100"/>
    </row>
    <row r="1101" spans="1:10" x14ac:dyDescent="0.25">
      <c r="A1101" s="7"/>
      <c r="B1101"/>
      <c r="C1101" s="23" t="s">
        <v>277</v>
      </c>
      <c r="D1101" s="23" t="s">
        <v>2241</v>
      </c>
      <c r="E1101" s="1" t="str">
        <f t="shared" si="203"/>
        <v>http://www.sap.com/community/tag.html?id=01200615320800001451</v>
      </c>
      <c r="F1101" s="23" t="s">
        <v>3310</v>
      </c>
      <c r="G1101"/>
      <c r="H1101"/>
      <c r="I1101"/>
      <c r="J1101"/>
    </row>
    <row r="1102" spans="1:10" x14ac:dyDescent="0.25">
      <c r="A1102" s="7"/>
      <c r="B1102"/>
      <c r="C1102" s="23" t="s">
        <v>1151</v>
      </c>
      <c r="D1102" s="23" t="s">
        <v>2241</v>
      </c>
      <c r="E1102" s="1" t="str">
        <f t="shared" si="203"/>
        <v>http://www.sap.com/community/tag.html?id=01200615320800001452</v>
      </c>
      <c r="F1102" s="23" t="s">
        <v>3311</v>
      </c>
      <c r="G1102"/>
      <c r="H1102"/>
      <c r="I1102"/>
      <c r="J1102"/>
    </row>
    <row r="1103" spans="1:10" x14ac:dyDescent="0.25">
      <c r="A1103" s="7"/>
      <c r="B1103"/>
      <c r="C1103" s="23" t="s">
        <v>815</v>
      </c>
      <c r="D1103" s="23" t="s">
        <v>2241</v>
      </c>
      <c r="E1103" s="1" t="str">
        <f t="shared" si="203"/>
        <v>http://www.sap.com/community/tag.html?id=01200615320800001453</v>
      </c>
      <c r="F1103" s="23" t="s">
        <v>3312</v>
      </c>
      <c r="G1103"/>
      <c r="H1103"/>
      <c r="I1103"/>
      <c r="J1103"/>
    </row>
    <row r="1104" spans="1:10" x14ac:dyDescent="0.25">
      <c r="A1104" s="7"/>
      <c r="B1104"/>
      <c r="C1104" s="23" t="s">
        <v>1836</v>
      </c>
      <c r="D1104" s="23" t="s">
        <v>2241</v>
      </c>
      <c r="E1104" s="1" t="str">
        <f t="shared" si="203"/>
        <v>http://www.sap.com/community/tag.html?id=01200615320800001454</v>
      </c>
      <c r="F1104" s="23" t="s">
        <v>3313</v>
      </c>
      <c r="G1104"/>
      <c r="H1104"/>
      <c r="I1104"/>
      <c r="J1104"/>
    </row>
    <row r="1105" spans="1:10" x14ac:dyDescent="0.25">
      <c r="A1105" s="7"/>
      <c r="B1105"/>
      <c r="C1105" s="23" t="s">
        <v>614</v>
      </c>
      <c r="D1105" s="23" t="s">
        <v>2241</v>
      </c>
      <c r="E1105" s="1" t="str">
        <f t="shared" si="203"/>
        <v>http://www.sap.com/community/tag.html?id=01200615320800001455</v>
      </c>
      <c r="F1105" s="23" t="s">
        <v>3314</v>
      </c>
      <c r="G1105"/>
      <c r="H1105"/>
      <c r="I1105"/>
      <c r="J1105"/>
    </row>
    <row r="1106" spans="1:10" x14ac:dyDescent="0.25">
      <c r="A1106" s="7"/>
      <c r="B1106"/>
      <c r="C1106" s="23" t="s">
        <v>228</v>
      </c>
      <c r="D1106" s="23" t="s">
        <v>2241</v>
      </c>
      <c r="E1106" s="1" t="str">
        <f t="shared" si="203"/>
        <v>http://www.sap.com/community/tag.html?id=01200615320800001606</v>
      </c>
      <c r="F1106" s="23" t="s">
        <v>3315</v>
      </c>
      <c r="G1106"/>
      <c r="H1106"/>
      <c r="I1106"/>
      <c r="J1106"/>
    </row>
    <row r="1107" spans="1:10" x14ac:dyDescent="0.25">
      <c r="A1107" s="7"/>
      <c r="B1107"/>
      <c r="C1107" s="23" t="s">
        <v>2126</v>
      </c>
      <c r="D1107" s="23" t="s">
        <v>2241</v>
      </c>
      <c r="E1107" s="1" t="str">
        <f t="shared" si="203"/>
        <v>http://www.sap.com/community/tag.html?id=01200615320800001607</v>
      </c>
      <c r="F1107" s="23" t="s">
        <v>3316</v>
      </c>
      <c r="G1107"/>
      <c r="H1107"/>
      <c r="I1107"/>
      <c r="J1107"/>
    </row>
    <row r="1108" spans="1:10" x14ac:dyDescent="0.25">
      <c r="A1108" s="7"/>
      <c r="B1108"/>
      <c r="C1108" s="23" t="s">
        <v>417</v>
      </c>
      <c r="D1108" s="23" t="s">
        <v>2241</v>
      </c>
      <c r="E1108" s="1" t="str">
        <f t="shared" si="203"/>
        <v>http://www.sap.com/community/tag.html?id=01200615320800001609</v>
      </c>
      <c r="F1108" s="23" t="s">
        <v>3317</v>
      </c>
      <c r="G1108"/>
      <c r="H1108"/>
      <c r="I1108"/>
      <c r="J1108"/>
    </row>
    <row r="1109" spans="1:10" x14ac:dyDescent="0.25">
      <c r="A1109" s="7"/>
      <c r="B1109"/>
      <c r="C1109" s="23" t="s">
        <v>1506</v>
      </c>
      <c r="D1109" s="23" t="s">
        <v>2241</v>
      </c>
      <c r="E1109" s="1" t="str">
        <f t="shared" si="203"/>
        <v>http://www.sap.com/community/tag.html?id=01200615320800001610</v>
      </c>
      <c r="F1109" s="23" t="s">
        <v>3318</v>
      </c>
      <c r="G1109"/>
      <c r="H1109"/>
      <c r="I1109"/>
      <c r="J1109"/>
    </row>
    <row r="1110" spans="1:10" x14ac:dyDescent="0.25">
      <c r="A1110" s="7"/>
      <c r="B1110"/>
      <c r="C1110" s="23" t="s">
        <v>1661</v>
      </c>
      <c r="D1110" s="23" t="s">
        <v>2241</v>
      </c>
      <c r="E1110" s="1" t="str">
        <f t="shared" si="203"/>
        <v>http://www.sap.com/community/tag.html?id=01200615320800001611</v>
      </c>
      <c r="F1110" s="23" t="s">
        <v>3319</v>
      </c>
      <c r="G1110"/>
      <c r="H1110"/>
      <c r="I1110"/>
      <c r="J1110"/>
    </row>
    <row r="1111" spans="1:10" x14ac:dyDescent="0.25">
      <c r="A1111" s="7"/>
      <c r="B1111"/>
      <c r="C1111" s="23" t="s">
        <v>878</v>
      </c>
      <c r="D1111" s="23" t="s">
        <v>2241</v>
      </c>
      <c r="E1111" s="1" t="str">
        <f t="shared" si="203"/>
        <v>http://www.sap.com/community/tag.html?id=01200615320800001612</v>
      </c>
      <c r="F1111" s="23" t="s">
        <v>3320</v>
      </c>
      <c r="G1111"/>
      <c r="H1111"/>
      <c r="I1111"/>
      <c r="J1111"/>
    </row>
    <row r="1112" spans="1:10" x14ac:dyDescent="0.25">
      <c r="A1112" s="7"/>
      <c r="B1112"/>
      <c r="C1112" s="23" t="s">
        <v>1088</v>
      </c>
      <c r="D1112" s="23" t="s">
        <v>2241</v>
      </c>
      <c r="E1112" s="1" t="str">
        <f t="shared" si="203"/>
        <v>http://www.sap.com/community/tag.html?id=01200615320800001613</v>
      </c>
      <c r="F1112" s="23" t="s">
        <v>3321</v>
      </c>
      <c r="G1112"/>
      <c r="H1112"/>
      <c r="I1112"/>
      <c r="J1112"/>
    </row>
    <row r="1113" spans="1:10" x14ac:dyDescent="0.25">
      <c r="A1113" s="7"/>
      <c r="B1113"/>
      <c r="C1113" s="23" t="s">
        <v>1453</v>
      </c>
      <c r="D1113" s="23" t="s">
        <v>2241</v>
      </c>
      <c r="E1113" s="1" t="str">
        <f t="shared" si="203"/>
        <v>http://www.sap.com/community/tag.html?id=01200615320800001615</v>
      </c>
      <c r="F1113" s="23" t="s">
        <v>3322</v>
      </c>
      <c r="G1113"/>
      <c r="H1113"/>
      <c r="I1113"/>
      <c r="J1113"/>
    </row>
    <row r="1114" spans="1:10" x14ac:dyDescent="0.25">
      <c r="A1114" s="7"/>
      <c r="B1114"/>
      <c r="C1114" s="23" t="s">
        <v>1952</v>
      </c>
      <c r="D1114" s="23" t="s">
        <v>2241</v>
      </c>
      <c r="E1114" s="1" t="str">
        <f t="shared" si="203"/>
        <v>http://www.sap.com/community/tag.html?id=01200615320800001617</v>
      </c>
      <c r="F1114" s="23" t="s">
        <v>3323</v>
      </c>
      <c r="G1114"/>
      <c r="H1114"/>
      <c r="I1114"/>
      <c r="J1114"/>
    </row>
    <row r="1115" spans="1:10" x14ac:dyDescent="0.25">
      <c r="A1115" s="7"/>
      <c r="B1115"/>
      <c r="C1115" s="23" t="s">
        <v>200</v>
      </c>
      <c r="D1115" s="23" t="s">
        <v>2241</v>
      </c>
      <c r="E1115" s="1" t="str">
        <f t="shared" si="203"/>
        <v>http://www.sap.com/community/tag.html?id=01200615320800001618</v>
      </c>
      <c r="F1115" s="23" t="s">
        <v>3324</v>
      </c>
      <c r="G1115"/>
      <c r="H1115"/>
      <c r="I1115"/>
      <c r="J1115"/>
    </row>
    <row r="1116" spans="1:10" x14ac:dyDescent="0.25">
      <c r="A1116" s="7"/>
      <c r="B1116"/>
      <c r="C1116" s="23" t="s">
        <v>1315</v>
      </c>
      <c r="D1116" s="23" t="s">
        <v>2241</v>
      </c>
      <c r="E1116" s="1" t="str">
        <f t="shared" si="203"/>
        <v>http://www.sap.com/community/tag.html?id=01200615320800001619</v>
      </c>
      <c r="F1116" s="23" t="s">
        <v>3325</v>
      </c>
      <c r="G1116"/>
      <c r="H1116"/>
      <c r="I1116"/>
      <c r="J1116"/>
    </row>
    <row r="1117" spans="1:10" x14ac:dyDescent="0.25">
      <c r="A1117" s="7"/>
      <c r="B1117"/>
      <c r="C1117" s="23" t="s">
        <v>1205</v>
      </c>
      <c r="D1117" s="23" t="s">
        <v>2241</v>
      </c>
      <c r="E1117" s="1" t="str">
        <f t="shared" si="203"/>
        <v>http://www.sap.com/community/tag.html?id=01200615320800001620</v>
      </c>
      <c r="F1117" s="23" t="s">
        <v>3326</v>
      </c>
      <c r="G1117"/>
      <c r="H1117"/>
      <c r="I1117"/>
      <c r="J1117"/>
    </row>
    <row r="1118" spans="1:10" x14ac:dyDescent="0.25">
      <c r="A1118" s="7"/>
      <c r="B1118"/>
      <c r="C1118" s="23" t="s">
        <v>2037</v>
      </c>
      <c r="D1118" s="23" t="s">
        <v>2241</v>
      </c>
      <c r="E1118" s="1" t="str">
        <f t="shared" si="203"/>
        <v>http://www.sap.com/community/tag.html?id=01200615320800001621</v>
      </c>
      <c r="F1118" s="23" t="s">
        <v>3327</v>
      </c>
      <c r="G1118"/>
      <c r="H1118"/>
      <c r="I1118"/>
      <c r="J1118"/>
    </row>
    <row r="1119" spans="1:10" x14ac:dyDescent="0.25">
      <c r="A1119" s="7"/>
      <c r="B1119"/>
      <c r="C1119" s="23" t="s">
        <v>420</v>
      </c>
      <c r="D1119" s="23" t="s">
        <v>2241</v>
      </c>
      <c r="E1119" s="1" t="str">
        <f t="shared" si="203"/>
        <v>http://www.sap.com/community/tag.html?id=01200615320800001622</v>
      </c>
      <c r="F1119" s="23" t="s">
        <v>3328</v>
      </c>
      <c r="G1119"/>
      <c r="H1119"/>
      <c r="I1119"/>
      <c r="J1119"/>
    </row>
    <row r="1120" spans="1:10" x14ac:dyDescent="0.25">
      <c r="A1120" s="7"/>
      <c r="B1120"/>
      <c r="C1120" s="23" t="s">
        <v>2063</v>
      </c>
      <c r="D1120" s="23" t="s">
        <v>2241</v>
      </c>
      <c r="E1120" s="1" t="str">
        <f t="shared" si="203"/>
        <v>http://www.sap.com/community/tag.html?id=01200615320800001623</v>
      </c>
      <c r="F1120" s="23" t="s">
        <v>3329</v>
      </c>
      <c r="G1120"/>
      <c r="H1120"/>
      <c r="I1120"/>
      <c r="J1120"/>
    </row>
    <row r="1121" spans="1:10" x14ac:dyDescent="0.25">
      <c r="A1121" s="7"/>
      <c r="B1121"/>
      <c r="C1121" s="23" t="s">
        <v>234</v>
      </c>
      <c r="D1121" s="23" t="s">
        <v>2241</v>
      </c>
      <c r="E1121" s="1" t="str">
        <f t="shared" si="203"/>
        <v>http://www.sap.com/community/tag.html?id=01200615320800001624</v>
      </c>
      <c r="F1121" s="23" t="s">
        <v>3330</v>
      </c>
      <c r="G1121"/>
      <c r="H1121"/>
      <c r="I1121"/>
      <c r="J1121"/>
    </row>
    <row r="1122" spans="1:10" x14ac:dyDescent="0.25">
      <c r="A1122" s="7"/>
      <c r="B1122"/>
      <c r="C1122" s="23" t="s">
        <v>1985</v>
      </c>
      <c r="D1122" s="23" t="s">
        <v>2241</v>
      </c>
      <c r="E1122" s="1" t="str">
        <f t="shared" si="203"/>
        <v>http://www.sap.com/community/tag.html?id=01200615320800001625</v>
      </c>
      <c r="F1122" s="23" t="s">
        <v>3331</v>
      </c>
      <c r="G1122"/>
      <c r="H1122"/>
      <c r="I1122"/>
      <c r="J1122"/>
    </row>
    <row r="1123" spans="1:10" x14ac:dyDescent="0.25">
      <c r="A1123" s="7"/>
      <c r="B1123"/>
      <c r="C1123" s="23" t="s">
        <v>1832</v>
      </c>
      <c r="D1123" s="23" t="s">
        <v>2241</v>
      </c>
      <c r="E1123" s="1" t="str">
        <f t="shared" si="203"/>
        <v>http://www.sap.com/community/tag.html?id=01200615320800003037</v>
      </c>
      <c r="F1123" s="23" t="s">
        <v>3332</v>
      </c>
      <c r="G1123"/>
      <c r="H1123"/>
      <c r="I1123"/>
      <c r="J1123"/>
    </row>
    <row r="1124" spans="1:10" x14ac:dyDescent="0.25">
      <c r="A1124" s="7"/>
      <c r="B1124"/>
      <c r="C1124" s="23" t="s">
        <v>1608</v>
      </c>
      <c r="D1124" s="23" t="s">
        <v>2241</v>
      </c>
      <c r="E1124" s="1" t="str">
        <f t="shared" si="203"/>
        <v>http://www.sap.com/community/tag.html?id=01200615320800001473</v>
      </c>
      <c r="F1124" s="23" t="s">
        <v>3333</v>
      </c>
      <c r="G1124"/>
      <c r="H1124"/>
      <c r="I1124"/>
      <c r="J1124"/>
    </row>
    <row r="1125" spans="1:10" x14ac:dyDescent="0.25">
      <c r="A1125" s="7"/>
      <c r="B1125"/>
      <c r="C1125" s="23" t="s">
        <v>1266</v>
      </c>
      <c r="D1125" s="23" t="s">
        <v>2241</v>
      </c>
      <c r="E1125" s="1" t="str">
        <f t="shared" si="203"/>
        <v>http://www.sap.com/community/tag.html?id=01200615320800001474</v>
      </c>
      <c r="F1125" s="23" t="s">
        <v>3334</v>
      </c>
      <c r="G1125"/>
      <c r="H1125"/>
      <c r="I1125"/>
      <c r="J1125"/>
    </row>
    <row r="1126" spans="1:10" x14ac:dyDescent="0.25">
      <c r="A1126" s="7"/>
      <c r="B1126"/>
      <c r="C1126" s="23" t="s">
        <v>847</v>
      </c>
      <c r="D1126" s="23" t="s">
        <v>2241</v>
      </c>
      <c r="E1126" s="1" t="str">
        <f t="shared" si="203"/>
        <v>http://www.sap.com/community/tag.html?id=01200615320800001475</v>
      </c>
      <c r="F1126" s="23" t="s">
        <v>3335</v>
      </c>
      <c r="G1126"/>
      <c r="H1126"/>
      <c r="I1126"/>
      <c r="J1126"/>
    </row>
    <row r="1127" spans="1:10" x14ac:dyDescent="0.25">
      <c r="A1127" s="7"/>
      <c r="B1127"/>
      <c r="C1127" s="23" t="s">
        <v>1285</v>
      </c>
      <c r="D1127" s="23" t="s">
        <v>2241</v>
      </c>
      <c r="E1127" s="1" t="str">
        <f t="shared" si="203"/>
        <v>http://www.sap.com/community/tag.html?id=01200615320800001476</v>
      </c>
      <c r="F1127" s="23" t="s">
        <v>3336</v>
      </c>
      <c r="G1127"/>
      <c r="H1127"/>
      <c r="I1127"/>
      <c r="J1127"/>
    </row>
    <row r="1128" spans="1:10" x14ac:dyDescent="0.25">
      <c r="A1128" s="7"/>
      <c r="B1128"/>
      <c r="C1128" s="23" t="s">
        <v>2097</v>
      </c>
      <c r="D1128" s="23" t="s">
        <v>2241</v>
      </c>
      <c r="E1128" s="1" t="str">
        <f t="shared" si="203"/>
        <v>http://www.sap.com/community/tag.html?id=01200615320800001477</v>
      </c>
      <c r="F1128" s="23" t="s">
        <v>3337</v>
      </c>
      <c r="G1128"/>
      <c r="H1128"/>
      <c r="I1128"/>
      <c r="J1128"/>
    </row>
    <row r="1129" spans="1:10" x14ac:dyDescent="0.25">
      <c r="A1129" s="7"/>
      <c r="B1129"/>
      <c r="C1129" s="23" t="s">
        <v>1288</v>
      </c>
      <c r="D1129" s="23" t="s">
        <v>2241</v>
      </c>
      <c r="E1129" s="1" t="str">
        <f t="shared" si="203"/>
        <v>http://www.sap.com/community/tag.html?id=01200615320800001478</v>
      </c>
      <c r="F1129" s="23" t="s">
        <v>3338</v>
      </c>
      <c r="G1129"/>
      <c r="H1129"/>
      <c r="I1129"/>
      <c r="J1129"/>
    </row>
    <row r="1130" spans="1:10" x14ac:dyDescent="0.25">
      <c r="A1130" s="7"/>
      <c r="B1130"/>
      <c r="C1130" s="23" t="s">
        <v>1455</v>
      </c>
      <c r="D1130" s="23" t="s">
        <v>2241</v>
      </c>
      <c r="E1130" s="1" t="str">
        <f t="shared" si="203"/>
        <v>http://www.sap.com/community/tag.html?id=01200615320800001479</v>
      </c>
      <c r="F1130" s="23" t="s">
        <v>3339</v>
      </c>
      <c r="G1130"/>
      <c r="H1130"/>
      <c r="I1130"/>
      <c r="J1130"/>
    </row>
    <row r="1131" spans="1:10" x14ac:dyDescent="0.25">
      <c r="A1131" s="7"/>
      <c r="B1131"/>
      <c r="C1131" s="23" t="s">
        <v>4</v>
      </c>
      <c r="D1131" s="23" t="s">
        <v>2241</v>
      </c>
      <c r="E1131" s="1" t="str">
        <f t="shared" si="203"/>
        <v>http://www.sap.com/community/tag.html?id=01200615320800001480</v>
      </c>
      <c r="F1131" s="23" t="s">
        <v>3340</v>
      </c>
      <c r="G1131"/>
      <c r="H1131"/>
      <c r="I1131"/>
      <c r="J1131"/>
    </row>
    <row r="1132" spans="1:10" x14ac:dyDescent="0.25">
      <c r="A1132" s="7"/>
      <c r="B1132"/>
      <c r="C1132" s="23" t="s">
        <v>987</v>
      </c>
      <c r="D1132" s="23" t="s">
        <v>2241</v>
      </c>
      <c r="E1132" s="1" t="str">
        <f t="shared" si="203"/>
        <v>http://www.sap.com/community/tag.html?id=01200615320800001481</v>
      </c>
      <c r="F1132" s="23" t="s">
        <v>3341</v>
      </c>
      <c r="G1132"/>
      <c r="H1132"/>
      <c r="I1132"/>
      <c r="J1132"/>
    </row>
    <row r="1133" spans="1:10" x14ac:dyDescent="0.25">
      <c r="A1133" s="7"/>
      <c r="B1133"/>
      <c r="C1133" s="23" t="s">
        <v>108</v>
      </c>
      <c r="D1133" s="23" t="s">
        <v>2241</v>
      </c>
      <c r="E1133" s="1" t="str">
        <f t="shared" si="203"/>
        <v>http://www.sap.com/community/tag.html?id=01200615320800001482</v>
      </c>
      <c r="F1133" s="23" t="s">
        <v>3342</v>
      </c>
      <c r="G1133"/>
      <c r="H1133"/>
      <c r="I1133"/>
      <c r="J1133"/>
    </row>
    <row r="1134" spans="1:10" x14ac:dyDescent="0.25">
      <c r="A1134" s="7"/>
      <c r="B1134"/>
      <c r="C1134" s="23" t="s">
        <v>34</v>
      </c>
      <c r="D1134" s="23" t="s">
        <v>2241</v>
      </c>
      <c r="E1134" s="1" t="str">
        <f t="shared" si="203"/>
        <v>http://www.sap.com/community/tag.html?id=01200615320800001483</v>
      </c>
      <c r="F1134" s="23" t="s">
        <v>3343</v>
      </c>
      <c r="G1134"/>
      <c r="H1134"/>
      <c r="I1134"/>
      <c r="J1134"/>
    </row>
    <row r="1135" spans="1:10" x14ac:dyDescent="0.25">
      <c r="A1135" s="7"/>
      <c r="B1135"/>
      <c r="C1135" s="23" t="s">
        <v>1</v>
      </c>
      <c r="D1135" s="23" t="s">
        <v>2241</v>
      </c>
      <c r="E1135" s="1" t="str">
        <f t="shared" si="203"/>
        <v>http://www.sap.com/community/tag.html?id=01200615320800001484</v>
      </c>
      <c r="F1135" s="23" t="s">
        <v>3344</v>
      </c>
      <c r="G1135"/>
      <c r="H1135"/>
      <c r="I1135"/>
      <c r="J1135"/>
    </row>
    <row r="1136" spans="1:10" x14ac:dyDescent="0.25">
      <c r="A1136" s="7"/>
      <c r="B1136"/>
      <c r="C1136" s="23" t="s">
        <v>1647</v>
      </c>
      <c r="D1136" s="23" t="s">
        <v>2241</v>
      </c>
      <c r="E1136" s="1" t="str">
        <f t="shared" si="203"/>
        <v>http://www.sap.com/community/tag.html?id=01200615320800001485</v>
      </c>
      <c r="F1136" s="23" t="s">
        <v>3345</v>
      </c>
      <c r="G1136"/>
      <c r="H1136"/>
      <c r="I1136"/>
      <c r="J1136"/>
    </row>
    <row r="1137" spans="1:10" x14ac:dyDescent="0.25">
      <c r="A1137" s="7"/>
      <c r="B1137"/>
      <c r="C1137" s="23" t="s">
        <v>26</v>
      </c>
      <c r="D1137" s="23" t="s">
        <v>2241</v>
      </c>
      <c r="E1137" s="1" t="str">
        <f t="shared" si="203"/>
        <v>http://www.sap.com/community/tag.html?id=01200615320800001487</v>
      </c>
      <c r="F1137" s="23" t="s">
        <v>3346</v>
      </c>
      <c r="G1137"/>
      <c r="H1137"/>
      <c r="I1137"/>
      <c r="J1137"/>
    </row>
    <row r="1138" spans="1:10" x14ac:dyDescent="0.25">
      <c r="A1138" s="7"/>
      <c r="B1138"/>
      <c r="C1138" s="23" t="s">
        <v>1465</v>
      </c>
      <c r="D1138" s="23" t="s">
        <v>2241</v>
      </c>
      <c r="E1138" s="1" t="str">
        <f t="shared" si="203"/>
        <v>http://www.sap.com/community/tag.html?id=01200615320800001488</v>
      </c>
      <c r="F1138" s="23" t="s">
        <v>3347</v>
      </c>
      <c r="G1138"/>
      <c r="H1138"/>
      <c r="I1138"/>
      <c r="J1138"/>
    </row>
    <row r="1139" spans="1:10" x14ac:dyDescent="0.25">
      <c r="A1139" s="7"/>
      <c r="B1139"/>
      <c r="C1139" s="23" t="s">
        <v>796</v>
      </c>
      <c r="D1139" s="23" t="s">
        <v>2241</v>
      </c>
      <c r="E1139" s="1" t="str">
        <f t="shared" si="203"/>
        <v>http://www.sap.com/community/tag.html?id=01200615320800001489</v>
      </c>
      <c r="F1139" s="23" t="s">
        <v>3348</v>
      </c>
      <c r="G1139"/>
      <c r="H1139"/>
      <c r="I1139"/>
      <c r="J1139"/>
    </row>
    <row r="1140" spans="1:10" x14ac:dyDescent="0.25">
      <c r="A1140" s="7"/>
      <c r="B1140"/>
      <c r="C1140" s="23" t="s">
        <v>1549</v>
      </c>
      <c r="D1140" s="23" t="s">
        <v>2241</v>
      </c>
      <c r="E1140" s="1" t="str">
        <f t="shared" si="203"/>
        <v>http://www.sap.com/community/tag.html?id=01200615320800001490</v>
      </c>
      <c r="F1140" s="23" t="s">
        <v>3349</v>
      </c>
      <c r="G1140"/>
      <c r="H1140"/>
      <c r="I1140"/>
      <c r="J1140"/>
    </row>
    <row r="1141" spans="1:10" x14ac:dyDescent="0.25">
      <c r="A1141" s="7"/>
      <c r="B1141"/>
      <c r="C1141" s="23" t="s">
        <v>280</v>
      </c>
      <c r="D1141" s="23" t="s">
        <v>2241</v>
      </c>
      <c r="E1141" s="1" t="str">
        <f t="shared" ref="E1141:E1173" si="204" xml:space="preserve"> HYPERLINK(CONCATENATE("http://www.sap.com/community/tag.html?id=",$F1141))</f>
        <v>http://www.sap.com/community/tag.html?id=01200615320800001491</v>
      </c>
      <c r="F1141" s="23" t="s">
        <v>3350</v>
      </c>
      <c r="G1141"/>
      <c r="H1141"/>
      <c r="I1141"/>
      <c r="J1141"/>
    </row>
    <row r="1142" spans="1:10" x14ac:dyDescent="0.25">
      <c r="A1142" s="7"/>
      <c r="B1142"/>
      <c r="C1142" s="23" t="s">
        <v>893</v>
      </c>
      <c r="D1142" s="23" t="s">
        <v>2241</v>
      </c>
      <c r="E1142" s="1" t="str">
        <f t="shared" si="204"/>
        <v>http://www.sap.com/community/tag.html?id=01200615320800001492</v>
      </c>
      <c r="F1142" s="23" t="s">
        <v>3351</v>
      </c>
      <c r="G1142"/>
      <c r="H1142"/>
      <c r="I1142"/>
      <c r="J1142"/>
    </row>
    <row r="1143" spans="1:10" x14ac:dyDescent="0.25">
      <c r="A1143" s="7"/>
      <c r="B1143"/>
      <c r="C1143" s="23" t="s">
        <v>1946</v>
      </c>
      <c r="D1143" s="23" t="s">
        <v>2241</v>
      </c>
      <c r="E1143" s="1" t="str">
        <f t="shared" si="204"/>
        <v>http://www.sap.com/community/tag.html?id=01200615320800001493</v>
      </c>
      <c r="F1143" s="23" t="s">
        <v>3352</v>
      </c>
      <c r="G1143"/>
      <c r="H1143"/>
      <c r="I1143"/>
      <c r="J1143"/>
    </row>
    <row r="1144" spans="1:10" x14ac:dyDescent="0.25">
      <c r="A1144" s="7"/>
      <c r="B1144"/>
      <c r="C1144" s="23" t="s">
        <v>1732</v>
      </c>
      <c r="D1144" s="23" t="s">
        <v>2241</v>
      </c>
      <c r="E1144" s="1" t="str">
        <f t="shared" si="204"/>
        <v>http://www.sap.com/community/tag.html?id=01200615320800001494</v>
      </c>
      <c r="F1144" s="23" t="s">
        <v>3353</v>
      </c>
      <c r="G1144"/>
      <c r="H1144"/>
      <c r="I1144"/>
      <c r="J1144"/>
    </row>
    <row r="1145" spans="1:10" x14ac:dyDescent="0.25">
      <c r="A1145" s="7"/>
      <c r="B1145"/>
      <c r="C1145" s="23" t="s">
        <v>1074</v>
      </c>
      <c r="D1145" s="23" t="s">
        <v>2241</v>
      </c>
      <c r="E1145" s="1" t="str">
        <f t="shared" si="204"/>
        <v>http://www.sap.com/community/tag.html?id=01200615320800001495</v>
      </c>
      <c r="F1145" s="23" t="s">
        <v>3354</v>
      </c>
      <c r="G1145"/>
      <c r="H1145"/>
      <c r="I1145"/>
      <c r="J1145"/>
    </row>
    <row r="1146" spans="1:10" x14ac:dyDescent="0.25">
      <c r="A1146" s="7"/>
      <c r="B1146"/>
      <c r="C1146" s="23" t="s">
        <v>1468</v>
      </c>
      <c r="D1146" s="23" t="s">
        <v>2241</v>
      </c>
      <c r="E1146" s="1" t="str">
        <f t="shared" si="204"/>
        <v>http://www.sap.com/community/tag.html?id=01200615320800001496</v>
      </c>
      <c r="F1146" s="23" t="s">
        <v>3355</v>
      </c>
      <c r="G1146"/>
      <c r="H1146"/>
      <c r="I1146"/>
      <c r="J1146"/>
    </row>
    <row r="1147" spans="1:10" x14ac:dyDescent="0.25">
      <c r="A1147" s="7"/>
      <c r="B1147"/>
      <c r="C1147" s="23" t="s">
        <v>1635</v>
      </c>
      <c r="D1147" s="23" t="s">
        <v>2241</v>
      </c>
      <c r="E1147" s="1" t="str">
        <f t="shared" si="204"/>
        <v>http://www.sap.com/community/tag.html?id=01200615320800001534</v>
      </c>
      <c r="F1147" s="23" t="s">
        <v>3356</v>
      </c>
      <c r="G1147"/>
      <c r="H1147"/>
      <c r="I1147"/>
      <c r="J1147"/>
    </row>
    <row r="1148" spans="1:10" x14ac:dyDescent="0.25">
      <c r="A1148" s="7"/>
      <c r="B1148"/>
      <c r="C1148" s="23" t="s">
        <v>1166</v>
      </c>
      <c r="D1148" s="23" t="s">
        <v>2241</v>
      </c>
      <c r="E1148" s="1" t="str">
        <f t="shared" si="204"/>
        <v>http://www.sap.com/community/tag.html?id=01200615320800001535</v>
      </c>
      <c r="F1148" s="23" t="s">
        <v>3357</v>
      </c>
      <c r="G1148"/>
      <c r="H1148"/>
      <c r="I1148"/>
      <c r="J1148"/>
    </row>
    <row r="1149" spans="1:10" x14ac:dyDescent="0.25">
      <c r="A1149" s="7"/>
      <c r="B1149"/>
      <c r="C1149" s="23" t="s">
        <v>2108</v>
      </c>
      <c r="D1149" s="23" t="s">
        <v>2241</v>
      </c>
      <c r="E1149" s="1" t="str">
        <f t="shared" si="204"/>
        <v>http://www.sap.com/community/tag.html?id=01200615320800001536</v>
      </c>
      <c r="F1149" s="23" t="s">
        <v>3358</v>
      </c>
      <c r="G1149"/>
      <c r="H1149"/>
      <c r="I1149"/>
      <c r="J1149"/>
    </row>
    <row r="1150" spans="1:10" x14ac:dyDescent="0.25">
      <c r="A1150" s="7"/>
      <c r="B1150"/>
      <c r="C1150" s="23" t="s">
        <v>219</v>
      </c>
      <c r="D1150" s="23" t="s">
        <v>2241</v>
      </c>
      <c r="E1150" s="1" t="str">
        <f t="shared" si="204"/>
        <v>http://www.sap.com/community/tag.html?id=01200615320800001537</v>
      </c>
      <c r="F1150" s="23" t="s">
        <v>3359</v>
      </c>
      <c r="G1150"/>
      <c r="H1150"/>
      <c r="I1150"/>
      <c r="J1150"/>
    </row>
    <row r="1151" spans="1:10" x14ac:dyDescent="0.25">
      <c r="A1151" s="7"/>
      <c r="B1151"/>
      <c r="C1151" s="23" t="s">
        <v>1780</v>
      </c>
      <c r="D1151" s="23" t="s">
        <v>2241</v>
      </c>
      <c r="E1151" s="1" t="str">
        <f t="shared" si="204"/>
        <v>http://www.sap.com/community/tag.html?id=01200615320800001538</v>
      </c>
      <c r="F1151" s="23" t="s">
        <v>3360</v>
      </c>
      <c r="G1151"/>
      <c r="H1151"/>
      <c r="I1151"/>
      <c r="J1151"/>
    </row>
    <row r="1152" spans="1:10" x14ac:dyDescent="0.25">
      <c r="A1152" s="7"/>
      <c r="B1152"/>
      <c r="C1152" s="23" t="s">
        <v>1213</v>
      </c>
      <c r="D1152" s="23" t="s">
        <v>2241</v>
      </c>
      <c r="E1152" s="1" t="str">
        <f t="shared" si="204"/>
        <v>http://www.sap.com/community/tag.html?id=01200615320800001539</v>
      </c>
      <c r="F1152" s="23" t="s">
        <v>3361</v>
      </c>
      <c r="G1152"/>
      <c r="H1152"/>
      <c r="I1152"/>
      <c r="J1152"/>
    </row>
    <row r="1153" spans="1:10" x14ac:dyDescent="0.25">
      <c r="A1153" s="7"/>
      <c r="B1153"/>
      <c r="C1153" s="23" t="s">
        <v>900</v>
      </c>
      <c r="D1153" s="23" t="s">
        <v>2241</v>
      </c>
      <c r="E1153" s="1" t="str">
        <f t="shared" si="204"/>
        <v>http://www.sap.com/community/tag.html?id=01200615320800001540</v>
      </c>
      <c r="F1153" s="23" t="s">
        <v>3362</v>
      </c>
      <c r="G1153"/>
      <c r="H1153"/>
      <c r="I1153"/>
      <c r="J1153"/>
    </row>
    <row r="1154" spans="1:10" x14ac:dyDescent="0.25">
      <c r="A1154" s="7"/>
      <c r="B1154"/>
      <c r="C1154" s="23" t="s">
        <v>1978</v>
      </c>
      <c r="D1154" s="23" t="s">
        <v>2241</v>
      </c>
      <c r="E1154" s="1" t="str">
        <f t="shared" si="204"/>
        <v>http://www.sap.com/community/tag.html?id=01200615320800001375</v>
      </c>
      <c r="F1154" s="23" t="s">
        <v>3363</v>
      </c>
      <c r="G1154"/>
      <c r="H1154"/>
      <c r="I1154"/>
      <c r="J1154"/>
    </row>
    <row r="1155" spans="1:10" x14ac:dyDescent="0.25">
      <c r="A1155" s="7"/>
      <c r="B1155"/>
      <c r="C1155" s="23" t="s">
        <v>488</v>
      </c>
      <c r="D1155" s="23" t="s">
        <v>2241</v>
      </c>
      <c r="E1155" s="1" t="str">
        <f t="shared" si="204"/>
        <v>http://www.sap.com/community/tag.html?id=01200615320800001546</v>
      </c>
      <c r="F1155" s="23" t="s">
        <v>3364</v>
      </c>
      <c r="G1155"/>
      <c r="H1155"/>
      <c r="I1155"/>
      <c r="J1155"/>
    </row>
    <row r="1156" spans="1:10" x14ac:dyDescent="0.25">
      <c r="A1156" s="7"/>
      <c r="B1156"/>
      <c r="C1156" s="23" t="s">
        <v>1610</v>
      </c>
      <c r="D1156" s="23" t="s">
        <v>2241</v>
      </c>
      <c r="E1156" s="1" t="str">
        <f t="shared" si="204"/>
        <v>http://www.sap.com/community/tag.html?id=01200615320800001547</v>
      </c>
      <c r="F1156" s="23" t="s">
        <v>3365</v>
      </c>
      <c r="G1156"/>
      <c r="H1156"/>
      <c r="I1156"/>
      <c r="J1156"/>
    </row>
    <row r="1157" spans="1:10" x14ac:dyDescent="0.25">
      <c r="A1157" s="7"/>
      <c r="B1157"/>
      <c r="C1157" s="23" t="s">
        <v>920</v>
      </c>
      <c r="D1157" s="23" t="s">
        <v>2241</v>
      </c>
      <c r="E1157" s="1" t="str">
        <f t="shared" si="204"/>
        <v>http://www.sap.com/community/tag.html?id=01200615320800001548</v>
      </c>
      <c r="F1157" s="23" t="s">
        <v>3366</v>
      </c>
      <c r="G1157"/>
      <c r="H1157"/>
      <c r="I1157"/>
      <c r="J1157"/>
    </row>
    <row r="1158" spans="1:10" x14ac:dyDescent="0.25">
      <c r="A1158" s="7"/>
      <c r="B1158"/>
      <c r="C1158" s="23" t="s">
        <v>1664</v>
      </c>
      <c r="D1158" s="23" t="s">
        <v>2241</v>
      </c>
      <c r="E1158" s="1" t="str">
        <f t="shared" si="204"/>
        <v>http://www.sap.com/community/tag.html?id=01200615320800001549</v>
      </c>
      <c r="F1158" s="23" t="s">
        <v>3367</v>
      </c>
      <c r="G1158"/>
      <c r="H1158"/>
      <c r="I1158"/>
      <c r="J1158"/>
    </row>
    <row r="1159" spans="1:10" x14ac:dyDescent="0.25">
      <c r="A1159" s="7"/>
      <c r="B1159"/>
      <c r="C1159" s="23" t="s">
        <v>72</v>
      </c>
      <c r="D1159" s="23" t="s">
        <v>2241</v>
      </c>
      <c r="E1159" s="1" t="str">
        <f t="shared" si="204"/>
        <v>http://www.sap.com/community/tag.html?id=01200615320800001550</v>
      </c>
      <c r="F1159" s="23" t="s">
        <v>3368</v>
      </c>
      <c r="G1159"/>
      <c r="H1159"/>
      <c r="I1159"/>
      <c r="J1159"/>
    </row>
    <row r="1160" spans="1:10" x14ac:dyDescent="0.25">
      <c r="A1160" s="7"/>
      <c r="B1160"/>
      <c r="C1160" s="23" t="s">
        <v>666</v>
      </c>
      <c r="D1160" s="23" t="s">
        <v>2241</v>
      </c>
      <c r="E1160" s="1" t="str">
        <f t="shared" si="204"/>
        <v>http://www.sap.com/community/tag.html?id=01200615320800001551</v>
      </c>
      <c r="F1160" s="23" t="s">
        <v>3369</v>
      </c>
      <c r="G1160"/>
      <c r="H1160"/>
      <c r="I1160"/>
      <c r="J1160"/>
    </row>
    <row r="1161" spans="1:10" x14ac:dyDescent="0.25">
      <c r="A1161" s="7"/>
      <c r="B1161"/>
      <c r="C1161" s="23" t="s">
        <v>1645</v>
      </c>
      <c r="D1161" s="23" t="s">
        <v>2241</v>
      </c>
      <c r="E1161" s="1" t="str">
        <f t="shared" si="204"/>
        <v>http://www.sap.com/community/tag.html?id=01200615320800001552</v>
      </c>
      <c r="F1161" s="23" t="s">
        <v>3370</v>
      </c>
      <c r="G1161"/>
      <c r="H1161"/>
      <c r="I1161"/>
      <c r="J1161"/>
    </row>
    <row r="1162" spans="1:10" x14ac:dyDescent="0.25">
      <c r="A1162" s="7"/>
      <c r="B1162"/>
      <c r="C1162" s="23" t="s">
        <v>175</v>
      </c>
      <c r="D1162" s="23" t="s">
        <v>2241</v>
      </c>
      <c r="E1162" s="1" t="str">
        <f t="shared" si="204"/>
        <v>http://www.sap.com/community/tag.html?id=01200615320800001553</v>
      </c>
      <c r="F1162" s="23" t="s">
        <v>3371</v>
      </c>
      <c r="G1162"/>
      <c r="H1162"/>
      <c r="I1162"/>
      <c r="J1162"/>
    </row>
    <row r="1163" spans="1:10" x14ac:dyDescent="0.25">
      <c r="A1163" s="7"/>
      <c r="B1163"/>
      <c r="C1163" s="23" t="s">
        <v>954</v>
      </c>
      <c r="D1163" s="23" t="s">
        <v>2241</v>
      </c>
      <c r="E1163" s="1" t="str">
        <f t="shared" si="204"/>
        <v>http://www.sap.com/community/tag.html?id=01200615320800001554</v>
      </c>
      <c r="F1163" s="23" t="s">
        <v>3372</v>
      </c>
      <c r="G1163"/>
      <c r="H1163"/>
      <c r="I1163"/>
      <c r="J1163"/>
    </row>
    <row r="1164" spans="1:10" x14ac:dyDescent="0.25">
      <c r="A1164" s="7"/>
      <c r="B1164"/>
      <c r="C1164" s="23" t="s">
        <v>1340</v>
      </c>
      <c r="D1164" s="23" t="s">
        <v>2241</v>
      </c>
      <c r="E1164" s="1" t="str">
        <f t="shared" si="204"/>
        <v>http://www.sap.com/community/tag.html?id=01200615320800001363</v>
      </c>
      <c r="F1164" s="23" t="s">
        <v>3373</v>
      </c>
      <c r="G1164"/>
      <c r="H1164"/>
      <c r="I1164"/>
      <c r="J1164"/>
    </row>
    <row r="1165" spans="1:10" x14ac:dyDescent="0.25">
      <c r="A1165" s="7"/>
      <c r="B1165"/>
      <c r="C1165" s="23" t="s">
        <v>1412</v>
      </c>
      <c r="D1165" s="23" t="s">
        <v>2241</v>
      </c>
      <c r="E1165" s="1" t="str">
        <f t="shared" si="204"/>
        <v>http://www.sap.com/community/tag.html?id=01200615320800001364</v>
      </c>
      <c r="F1165" s="23" t="s">
        <v>3374</v>
      </c>
      <c r="G1165"/>
      <c r="H1165"/>
      <c r="I1165"/>
      <c r="J1165"/>
    </row>
    <row r="1166" spans="1:10" x14ac:dyDescent="0.25">
      <c r="A1166" s="7"/>
      <c r="B1166"/>
      <c r="C1166" s="23" t="s">
        <v>1022</v>
      </c>
      <c r="D1166" s="23" t="s">
        <v>2241</v>
      </c>
      <c r="E1166" s="1" t="str">
        <f t="shared" si="204"/>
        <v>http://www.sap.com/community/tag.html?id=01200615320800001365</v>
      </c>
      <c r="F1166" s="23" t="s">
        <v>3375</v>
      </c>
      <c r="G1166"/>
      <c r="H1166"/>
      <c r="I1166"/>
      <c r="J1166"/>
    </row>
    <row r="1167" spans="1:10" x14ac:dyDescent="0.25">
      <c r="A1167" s="7"/>
      <c r="B1167"/>
      <c r="C1167" s="23" t="s">
        <v>158</v>
      </c>
      <c r="D1167" s="23" t="s">
        <v>2241</v>
      </c>
      <c r="E1167" s="1" t="str">
        <f t="shared" si="204"/>
        <v>http://www.sap.com/community/tag.html?id=01200615320800001556</v>
      </c>
      <c r="F1167" s="23" t="s">
        <v>3376</v>
      </c>
      <c r="G1167"/>
      <c r="H1167"/>
      <c r="I1167"/>
      <c r="J1167"/>
    </row>
    <row r="1168" spans="1:10" x14ac:dyDescent="0.25">
      <c r="A1168" s="7"/>
      <c r="B1168"/>
      <c r="C1168" s="23" t="s">
        <v>1674</v>
      </c>
      <c r="D1168" s="23" t="s">
        <v>2241</v>
      </c>
      <c r="E1168" s="1" t="str">
        <f t="shared" si="204"/>
        <v>http://www.sap.com/community/tag.html?id=01200615320800001557</v>
      </c>
      <c r="F1168" s="23" t="s">
        <v>3377</v>
      </c>
      <c r="G1168"/>
      <c r="H1168"/>
      <c r="I1168"/>
      <c r="J1168"/>
    </row>
    <row r="1169" spans="1:10" x14ac:dyDescent="0.25">
      <c r="A1169" s="7"/>
      <c r="B1169" s="23"/>
      <c r="C1169" t="s">
        <v>1145</v>
      </c>
      <c r="D1169" s="23" t="s">
        <v>2241</v>
      </c>
      <c r="E1169" s="1" t="str">
        <f t="shared" si="204"/>
        <v>http://www.sap.com/community/tag.html?id=01200615320800001558</v>
      </c>
      <c r="F1169" s="23" t="s">
        <v>3378</v>
      </c>
      <c r="G1169"/>
      <c r="H1169"/>
      <c r="I1169"/>
      <c r="J1169"/>
    </row>
    <row r="1170" spans="1:10" x14ac:dyDescent="0.25">
      <c r="A1170" s="7"/>
      <c r="B1170"/>
      <c r="C1170" s="23" t="s">
        <v>1351</v>
      </c>
      <c r="D1170" s="23" t="s">
        <v>2241</v>
      </c>
      <c r="E1170" s="1" t="str">
        <f t="shared" si="204"/>
        <v>http://www.sap.com/community/tag.html?id=01200615320800001559</v>
      </c>
      <c r="F1170" s="23" t="s">
        <v>3379</v>
      </c>
      <c r="G1170"/>
      <c r="H1170"/>
      <c r="I1170"/>
      <c r="J1170"/>
    </row>
    <row r="1171" spans="1:10" x14ac:dyDescent="0.25">
      <c r="A1171" s="7"/>
      <c r="B1171" s="23"/>
      <c r="C1171" t="s">
        <v>1993</v>
      </c>
      <c r="D1171" s="23" t="s">
        <v>2241</v>
      </c>
      <c r="E1171" s="1" t="str">
        <f t="shared" si="204"/>
        <v>http://www.sap.com/community/tag.html?id=01200314690800000340</v>
      </c>
      <c r="F1171" s="23" t="s">
        <v>3380</v>
      </c>
      <c r="G1171"/>
      <c r="H1171"/>
      <c r="I1171"/>
      <c r="J1171"/>
    </row>
    <row r="1172" spans="1:10" x14ac:dyDescent="0.25">
      <c r="A1172" s="7"/>
      <c r="B1172"/>
      <c r="C1172" s="23" t="s">
        <v>926</v>
      </c>
      <c r="D1172" s="23" t="s">
        <v>2241</v>
      </c>
      <c r="E1172" s="1" t="str">
        <f t="shared" si="204"/>
        <v>http://www.sap.com/community/tag.html?id=01200314690800000362</v>
      </c>
      <c r="F1172" s="23" t="s">
        <v>3381</v>
      </c>
      <c r="G1172"/>
      <c r="H1172"/>
      <c r="I1172"/>
      <c r="J1172"/>
    </row>
    <row r="1173" spans="1:10" x14ac:dyDescent="0.25">
      <c r="A1173" s="7"/>
      <c r="B1173" s="23"/>
      <c r="C1173" t="s">
        <v>1626</v>
      </c>
      <c r="D1173" s="23" t="s">
        <v>2241</v>
      </c>
      <c r="E1173" s="1" t="str">
        <f t="shared" si="204"/>
        <v>http://www.sap.com/community/tag.html?id=01200615320800002667</v>
      </c>
      <c r="F1173" s="23" t="s">
        <v>3382</v>
      </c>
      <c r="G1173"/>
      <c r="H1173"/>
      <c r="I1173"/>
      <c r="J1173"/>
    </row>
    <row r="1174" spans="1:10" x14ac:dyDescent="0.25">
      <c r="A1174" s="7"/>
      <c r="B1174" t="s">
        <v>1241</v>
      </c>
      <c r="C1174" s="23"/>
      <c r="D1174" s="7" t="s">
        <v>5032</v>
      </c>
      <c r="E1174" s="1"/>
      <c r="F1174" s="23" t="s">
        <v>3383</v>
      </c>
      <c r="G1174"/>
      <c r="H1174"/>
      <c r="I1174"/>
      <c r="J1174"/>
    </row>
    <row r="1175" spans="1:10" x14ac:dyDescent="0.25">
      <c r="A1175" s="7"/>
      <c r="B1175" s="23"/>
      <c r="C1175" t="s">
        <v>255</v>
      </c>
      <c r="D1175" s="23" t="s">
        <v>2241</v>
      </c>
      <c r="E1175" s="1" t="str">
        <f t="shared" ref="E1175" si="205" xml:space="preserve"> HYPERLINK(CONCATENATE("http://www.sap.com/community/tag.html?id=",$F1175))</f>
        <v>http://www.sap.com/community/tag.html?id=01200615320800001216</v>
      </c>
      <c r="F1175" s="23" t="s">
        <v>3384</v>
      </c>
      <c r="G1175"/>
      <c r="H1175"/>
      <c r="I1175"/>
      <c r="J1175"/>
    </row>
    <row r="1176" spans="1:10" x14ac:dyDescent="0.25">
      <c r="A1176" s="7"/>
      <c r="B1176" t="s">
        <v>1769</v>
      </c>
      <c r="C1176" s="23"/>
      <c r="D1176" s="7" t="s">
        <v>5032</v>
      </c>
      <c r="E1176" s="1"/>
      <c r="F1176" s="23" t="s">
        <v>3385</v>
      </c>
      <c r="G1176"/>
      <c r="H1176"/>
      <c r="I1176"/>
      <c r="J1176"/>
    </row>
    <row r="1177" spans="1:10" x14ac:dyDescent="0.25">
      <c r="A1177" s="7"/>
      <c r="B1177"/>
      <c r="C1177" s="23" t="s">
        <v>1769</v>
      </c>
      <c r="D1177" s="23" t="s">
        <v>2241</v>
      </c>
      <c r="E1177" s="1" t="str">
        <f t="shared" ref="E1177" si="206" xml:space="preserve"> HYPERLINK(CONCATENATE("http://www.sap.com/community/tag.html?id=",$F1177))</f>
        <v>http://www.sap.com/community/tag.html?id=01200314690800002023</v>
      </c>
      <c r="F1177" s="23" t="s">
        <v>3386</v>
      </c>
      <c r="G1177"/>
      <c r="H1177"/>
      <c r="I1177"/>
      <c r="J1177"/>
    </row>
    <row r="1178" spans="1:10" x14ac:dyDescent="0.25">
      <c r="A1178" s="7"/>
      <c r="B1178" t="s">
        <v>1559</v>
      </c>
      <c r="C1178" s="23"/>
      <c r="D1178" s="7" t="s">
        <v>5032</v>
      </c>
      <c r="E1178" s="1"/>
      <c r="F1178" s="23" t="s">
        <v>3387</v>
      </c>
      <c r="G1178"/>
      <c r="H1178"/>
      <c r="I1178"/>
      <c r="J1178"/>
    </row>
    <row r="1179" spans="1:10" x14ac:dyDescent="0.25">
      <c r="A1179" s="7"/>
      <c r="B1179"/>
      <c r="C1179" s="23" t="s">
        <v>1559</v>
      </c>
      <c r="D1179" s="23" t="s">
        <v>2241</v>
      </c>
      <c r="E1179" s="1" t="str">
        <f t="shared" ref="E1179" si="207" xml:space="preserve"> HYPERLINK(CONCATENATE("http://www.sap.com/community/tag.html?id=",$F1179))</f>
        <v>http://www.sap.com/community/tag.html?id=67838200100800005763</v>
      </c>
      <c r="F1179" s="23" t="s">
        <v>3388</v>
      </c>
      <c r="G1179"/>
      <c r="H1179"/>
      <c r="I1179"/>
      <c r="J1179"/>
    </row>
    <row r="1180" spans="1:10" x14ac:dyDescent="0.25">
      <c r="A1180" s="7"/>
      <c r="B1180" t="s">
        <v>2033</v>
      </c>
      <c r="C1180" s="23"/>
      <c r="D1180" s="7" t="s">
        <v>5032</v>
      </c>
      <c r="E1180" s="1"/>
      <c r="F1180" s="23" t="s">
        <v>3389</v>
      </c>
      <c r="G1180"/>
      <c r="H1180"/>
      <c r="I1180"/>
      <c r="J1180"/>
    </row>
    <row r="1181" spans="1:10" x14ac:dyDescent="0.25">
      <c r="A1181" s="7"/>
      <c r="B1181" s="23"/>
      <c r="C1181" t="s">
        <v>670</v>
      </c>
      <c r="D1181" s="23" t="s">
        <v>2241</v>
      </c>
      <c r="E1181" s="1" t="str">
        <f t="shared" ref="E1181:E1185" si="208" xml:space="preserve"> HYPERLINK(CONCATENATE("http://www.sap.com/community/tag.html?id=",$F1181))</f>
        <v>http://www.sap.com/community/tag.html?id=67837800100800006720</v>
      </c>
      <c r="F1181" s="23" t="s">
        <v>3390</v>
      </c>
      <c r="G1181"/>
      <c r="H1181"/>
      <c r="I1181"/>
      <c r="J1181"/>
    </row>
    <row r="1182" spans="1:10" x14ac:dyDescent="0.25">
      <c r="A1182" s="7"/>
      <c r="B1182"/>
      <c r="C1182" s="23" t="s">
        <v>1396</v>
      </c>
      <c r="D1182" s="23" t="s">
        <v>2241</v>
      </c>
      <c r="E1182" s="1" t="str">
        <f t="shared" si="208"/>
        <v>http://www.sap.com/community/tag.html?id=67837800100800006631</v>
      </c>
      <c r="F1182" s="23" t="s">
        <v>3391</v>
      </c>
      <c r="G1182"/>
      <c r="H1182"/>
      <c r="I1182"/>
      <c r="J1182"/>
    </row>
    <row r="1183" spans="1:10" x14ac:dyDescent="0.25">
      <c r="A1183" s="7"/>
      <c r="B1183" s="23"/>
      <c r="C1183" t="s">
        <v>84</v>
      </c>
      <c r="D1183" s="23" t="s">
        <v>2241</v>
      </c>
      <c r="E1183" s="1" t="str">
        <f t="shared" si="208"/>
        <v>http://www.sap.com/community/tag.html?id=67837800100800006629</v>
      </c>
      <c r="F1183" s="23" t="s">
        <v>3392</v>
      </c>
      <c r="G1183"/>
      <c r="H1183"/>
      <c r="I1183"/>
      <c r="J1183"/>
    </row>
    <row r="1184" spans="1:10" x14ac:dyDescent="0.25">
      <c r="A1184" s="7"/>
      <c r="B1184"/>
      <c r="C1184" s="23" t="s">
        <v>2033</v>
      </c>
      <c r="D1184" s="23" t="s">
        <v>2241</v>
      </c>
      <c r="E1184" s="1" t="str">
        <f t="shared" si="208"/>
        <v>http://www.sap.com/community/tag.html?id=67838200100800005268</v>
      </c>
      <c r="F1184" s="23" t="s">
        <v>3393</v>
      </c>
      <c r="G1184"/>
      <c r="H1184"/>
      <c r="I1184"/>
      <c r="J1184"/>
    </row>
    <row r="1185" spans="1:10" x14ac:dyDescent="0.25">
      <c r="A1185" s="7"/>
      <c r="B1185" s="23"/>
      <c r="C1185" t="s">
        <v>1885</v>
      </c>
      <c r="D1185" s="23" t="s">
        <v>2241</v>
      </c>
      <c r="E1185" s="1" t="str">
        <f t="shared" si="208"/>
        <v>http://www.sap.com/community/tag.html?id=67838200100800005358</v>
      </c>
      <c r="F1185" s="23" t="s">
        <v>3394</v>
      </c>
      <c r="G1185"/>
      <c r="H1185"/>
      <c r="I1185"/>
      <c r="J1185"/>
    </row>
    <row r="1186" spans="1:10" x14ac:dyDescent="0.25">
      <c r="A1186" s="7"/>
      <c r="B1186" t="s">
        <v>147</v>
      </c>
      <c r="C1186" s="23"/>
      <c r="D1186" s="7" t="s">
        <v>5032</v>
      </c>
      <c r="E1186" s="1"/>
      <c r="F1186" s="23" t="s">
        <v>3395</v>
      </c>
      <c r="G1186"/>
      <c r="H1186"/>
      <c r="I1186"/>
      <c r="J1186"/>
    </row>
    <row r="1187" spans="1:10" x14ac:dyDescent="0.25">
      <c r="A1187" s="7"/>
      <c r="B1187"/>
      <c r="C1187" s="23" t="s">
        <v>2024</v>
      </c>
      <c r="D1187" s="23" t="s">
        <v>2241</v>
      </c>
      <c r="E1187" s="1" t="str">
        <f t="shared" ref="E1187" si="209" xml:space="preserve"> HYPERLINK(CONCATENATE("http://www.sap.com/community/tag.html?id=",$F1187))</f>
        <v>http://www.sap.com/community/tag.html?id=67838200100800005757</v>
      </c>
      <c r="F1187" s="23" t="s">
        <v>3396</v>
      </c>
      <c r="G1187"/>
      <c r="H1187"/>
      <c r="I1187"/>
      <c r="J1187"/>
    </row>
    <row r="1188" spans="1:10" x14ac:dyDescent="0.25">
      <c r="A1188" s="7"/>
      <c r="B1188" t="s">
        <v>1641</v>
      </c>
      <c r="C1188" s="23"/>
      <c r="D1188" s="7" t="s">
        <v>5032</v>
      </c>
      <c r="E1188" s="1"/>
      <c r="F1188" s="23" t="s">
        <v>3397</v>
      </c>
      <c r="G1188"/>
      <c r="H1188"/>
      <c r="I1188"/>
      <c r="J1188"/>
    </row>
    <row r="1189" spans="1:10" x14ac:dyDescent="0.25">
      <c r="A1189" s="7"/>
      <c r="B1189"/>
      <c r="C1189" s="23" t="s">
        <v>1641</v>
      </c>
      <c r="D1189" s="23" t="s">
        <v>2241</v>
      </c>
      <c r="E1189" s="1" t="str">
        <f t="shared" ref="E1189:E1190" si="210" xml:space="preserve"> HYPERLINK(CONCATENATE("http://www.sap.com/community/tag.html?id=",$F1189))</f>
        <v>http://www.sap.com/community/tag.html?id=67838200100800005194</v>
      </c>
      <c r="F1189" s="23" t="s">
        <v>3398</v>
      </c>
      <c r="G1189"/>
      <c r="H1189"/>
      <c r="I1189"/>
      <c r="J1189"/>
    </row>
    <row r="1190" spans="1:10" x14ac:dyDescent="0.25">
      <c r="A1190" s="7"/>
      <c r="B1190" t="s">
        <v>2234</v>
      </c>
      <c r="C1190" s="23"/>
      <c r="D1190" s="7" t="s">
        <v>2241</v>
      </c>
      <c r="E1190" s="1" t="str">
        <f t="shared" si="210"/>
        <v>http://www.sap.com/community/tag.html?id=73554900100700001483</v>
      </c>
      <c r="F1190" s="23" t="s">
        <v>3399</v>
      </c>
      <c r="G1190"/>
      <c r="H1190"/>
      <c r="I1190"/>
      <c r="J1190"/>
    </row>
    <row r="1191" spans="1:10" x14ac:dyDescent="0.25">
      <c r="A1191" s="7"/>
      <c r="B1191"/>
      <c r="C1191" s="23" t="s">
        <v>892</v>
      </c>
      <c r="D1191" s="23" t="s">
        <v>2241</v>
      </c>
      <c r="E1191" s="1" t="str">
        <f t="shared" ref="E1191:E1196" si="211" xml:space="preserve"> HYPERLINK(CONCATENATE("http://www.sap.com/community/tag.html?id=",$F1191))</f>
        <v>http://www.sap.com/community/tag.html?id=01200615320800002514</v>
      </c>
      <c r="F1191" s="23" t="s">
        <v>3400</v>
      </c>
      <c r="G1191"/>
      <c r="H1191"/>
      <c r="I1191"/>
      <c r="J1191"/>
    </row>
    <row r="1192" spans="1:10" x14ac:dyDescent="0.25">
      <c r="A1192" s="7"/>
      <c r="B1192" s="23"/>
      <c r="C1192" t="s">
        <v>1135</v>
      </c>
      <c r="D1192" s="23" t="s">
        <v>2241</v>
      </c>
      <c r="E1192" s="1" t="str">
        <f t="shared" si="211"/>
        <v>http://www.sap.com/community/tag.html?id=01200615320800000731</v>
      </c>
      <c r="F1192" s="23" t="s">
        <v>3401</v>
      </c>
      <c r="G1192"/>
      <c r="H1192"/>
      <c r="I1192"/>
      <c r="J1192"/>
    </row>
    <row r="1193" spans="1:10" x14ac:dyDescent="0.25">
      <c r="A1193" s="7"/>
      <c r="B1193"/>
      <c r="C1193" s="23" t="s">
        <v>1374</v>
      </c>
      <c r="D1193" s="23" t="s">
        <v>2241</v>
      </c>
      <c r="E1193" s="1" t="str">
        <f t="shared" si="211"/>
        <v>http://www.sap.com/community/tag.html?id=01200314690800000151</v>
      </c>
      <c r="F1193" s="23" t="s">
        <v>3402</v>
      </c>
      <c r="G1193"/>
      <c r="H1193"/>
      <c r="I1193"/>
      <c r="J1193"/>
    </row>
    <row r="1194" spans="1:10" x14ac:dyDescent="0.25">
      <c r="A1194" s="7"/>
      <c r="B1194"/>
      <c r="C1194" s="23" t="s">
        <v>1924</v>
      </c>
      <c r="D1194" s="23" t="s">
        <v>2241</v>
      </c>
      <c r="E1194" s="1" t="str">
        <f t="shared" si="211"/>
        <v>http://www.sap.com/community/tag.html?id=01200314690800000449</v>
      </c>
      <c r="F1194" s="23" t="s">
        <v>3403</v>
      </c>
      <c r="G1194"/>
      <c r="H1194"/>
      <c r="I1194"/>
      <c r="J1194"/>
    </row>
    <row r="1195" spans="1:10" x14ac:dyDescent="0.25">
      <c r="A1195" s="7"/>
      <c r="B1195"/>
      <c r="C1195" s="23" t="s">
        <v>1500</v>
      </c>
      <c r="D1195" s="23" t="s">
        <v>2241</v>
      </c>
      <c r="E1195" s="1" t="str">
        <f t="shared" si="211"/>
        <v>http://www.sap.com/community/tag.html?id=01200615320800003848</v>
      </c>
      <c r="F1195" s="23" t="s">
        <v>3404</v>
      </c>
      <c r="G1195"/>
      <c r="H1195"/>
      <c r="I1195"/>
      <c r="J1195"/>
    </row>
    <row r="1196" spans="1:10" x14ac:dyDescent="0.25">
      <c r="A1196" s="7"/>
      <c r="B1196"/>
      <c r="C1196" s="23" t="s">
        <v>1597</v>
      </c>
      <c r="D1196" s="23" t="s">
        <v>2241</v>
      </c>
      <c r="E1196" s="1" t="str">
        <f t="shared" si="211"/>
        <v>http://www.sap.com/community/tag.html?id=01200314690800001410</v>
      </c>
      <c r="F1196" s="23" t="s">
        <v>3405</v>
      </c>
      <c r="G1196"/>
      <c r="H1196"/>
      <c r="I1196"/>
      <c r="J1196"/>
    </row>
    <row r="1197" spans="1:10" x14ac:dyDescent="0.25">
      <c r="A1197" s="7"/>
      <c r="B1197" t="s">
        <v>2067</v>
      </c>
      <c r="C1197" s="23"/>
      <c r="D1197" s="7" t="s">
        <v>5032</v>
      </c>
      <c r="E1197" s="1"/>
      <c r="F1197" s="23" t="s">
        <v>3406</v>
      </c>
      <c r="G1197"/>
      <c r="H1197"/>
      <c r="I1197"/>
      <c r="J1197"/>
    </row>
    <row r="1198" spans="1:10" x14ac:dyDescent="0.25">
      <c r="A1198" s="7"/>
      <c r="B1198"/>
      <c r="C1198" s="23" t="s">
        <v>1165</v>
      </c>
      <c r="D1198" s="23" t="s">
        <v>2241</v>
      </c>
      <c r="E1198" s="1" t="str">
        <f t="shared" ref="E1198:E1212" si="212" xml:space="preserve"> HYPERLINK(CONCATENATE("http://www.sap.com/community/tag.html?id=",$F1198))</f>
        <v>http://www.sap.com/community/tag.html?id=01200314690800001028</v>
      </c>
      <c r="F1198" s="23" t="s">
        <v>3407</v>
      </c>
      <c r="G1198"/>
      <c r="H1198"/>
      <c r="I1198"/>
      <c r="J1198"/>
    </row>
    <row r="1199" spans="1:10" x14ac:dyDescent="0.25">
      <c r="A1199" s="7"/>
      <c r="B1199"/>
      <c r="C1199" s="23" t="s">
        <v>2067</v>
      </c>
      <c r="D1199" s="23" t="s">
        <v>2241</v>
      </c>
      <c r="E1199" s="1" t="str">
        <f t="shared" si="212"/>
        <v>http://www.sap.com/community/tag.html?id=01200615320800000691</v>
      </c>
      <c r="F1199" s="23" t="s">
        <v>3408</v>
      </c>
      <c r="G1199"/>
      <c r="H1199"/>
      <c r="I1199"/>
      <c r="J1199"/>
    </row>
    <row r="1200" spans="1:10" x14ac:dyDescent="0.25">
      <c r="A1200" s="7"/>
      <c r="B1200"/>
      <c r="C1200" s="23" t="s">
        <v>1113</v>
      </c>
      <c r="D1200" s="23" t="s">
        <v>2241</v>
      </c>
      <c r="E1200" s="1" t="str">
        <f t="shared" si="212"/>
        <v>http://www.sap.com/community/tag.html?id=01200314690800003515</v>
      </c>
      <c r="F1200" s="23" t="s">
        <v>3409</v>
      </c>
      <c r="G1200"/>
      <c r="H1200"/>
      <c r="I1200"/>
      <c r="J1200"/>
    </row>
    <row r="1201" spans="1:10" x14ac:dyDescent="0.25">
      <c r="A1201" s="7"/>
      <c r="B1201"/>
      <c r="C1201" s="23" t="s">
        <v>327</v>
      </c>
      <c r="D1201" s="23" t="s">
        <v>2241</v>
      </c>
      <c r="E1201" s="1" t="str">
        <f t="shared" si="212"/>
        <v>http://www.sap.com/community/tag.html?id=73554900100800000036</v>
      </c>
      <c r="F1201" s="23" t="s">
        <v>3410</v>
      </c>
      <c r="G1201"/>
      <c r="H1201"/>
      <c r="I1201"/>
      <c r="J1201"/>
    </row>
    <row r="1202" spans="1:10" x14ac:dyDescent="0.25">
      <c r="A1202" s="7"/>
      <c r="B1202"/>
      <c r="C1202" s="23" t="s">
        <v>434</v>
      </c>
      <c r="D1202" s="23" t="s">
        <v>2241</v>
      </c>
      <c r="E1202" s="1" t="str">
        <f t="shared" si="212"/>
        <v>http://www.sap.com/community/tag.html?id=01200314690800002010</v>
      </c>
      <c r="F1202" s="23" t="s">
        <v>3411</v>
      </c>
      <c r="G1202"/>
      <c r="H1202"/>
      <c r="I1202"/>
      <c r="J1202"/>
    </row>
    <row r="1203" spans="1:10" x14ac:dyDescent="0.25">
      <c r="A1203" s="7"/>
      <c r="B1203"/>
      <c r="C1203" s="23" t="s">
        <v>1365</v>
      </c>
      <c r="D1203" s="23" t="s">
        <v>2241</v>
      </c>
      <c r="E1203" s="1" t="str">
        <f t="shared" si="212"/>
        <v>http://www.sap.com/community/tag.html?id=01200314690800001108</v>
      </c>
      <c r="F1203" s="23" t="s">
        <v>3412</v>
      </c>
      <c r="G1203"/>
      <c r="H1203"/>
      <c r="I1203"/>
      <c r="J1203"/>
    </row>
    <row r="1204" spans="1:10" x14ac:dyDescent="0.25">
      <c r="A1204" s="7"/>
      <c r="B1204"/>
      <c r="C1204" s="23" t="s">
        <v>2023</v>
      </c>
      <c r="D1204" s="23" t="s">
        <v>2241</v>
      </c>
      <c r="E1204" s="1" t="str">
        <f t="shared" si="212"/>
        <v>http://www.sap.com/community/tag.html?id=01200615320800002997</v>
      </c>
      <c r="F1204" s="23" t="s">
        <v>3413</v>
      </c>
      <c r="G1204"/>
      <c r="H1204"/>
      <c r="I1204"/>
      <c r="J1204"/>
    </row>
    <row r="1205" spans="1:10" x14ac:dyDescent="0.25">
      <c r="A1205" s="7"/>
      <c r="B1205"/>
      <c r="C1205" s="23" t="s">
        <v>1035</v>
      </c>
      <c r="D1205" s="23" t="s">
        <v>2241</v>
      </c>
      <c r="E1205" s="1" t="str">
        <f t="shared" si="212"/>
        <v>http://www.sap.com/community/tag.html?id=01200314690800002009</v>
      </c>
      <c r="F1205" s="23" t="s">
        <v>3414</v>
      </c>
      <c r="G1205"/>
      <c r="H1205"/>
      <c r="I1205"/>
      <c r="J1205"/>
    </row>
    <row r="1206" spans="1:10" x14ac:dyDescent="0.25">
      <c r="A1206" s="7"/>
      <c r="B1206"/>
      <c r="C1206" s="23" t="s">
        <v>971</v>
      </c>
      <c r="D1206" s="23" t="s">
        <v>2241</v>
      </c>
      <c r="E1206" s="1" t="str">
        <f t="shared" si="212"/>
        <v>http://www.sap.com/community/tag.html?id=01200615320800002996</v>
      </c>
      <c r="F1206" s="23" t="s">
        <v>3415</v>
      </c>
      <c r="G1206"/>
      <c r="H1206"/>
      <c r="I1206"/>
      <c r="J1206"/>
    </row>
    <row r="1207" spans="1:10" x14ac:dyDescent="0.25">
      <c r="A1207" s="7"/>
      <c r="B1207"/>
      <c r="C1207" s="23" t="s">
        <v>1650</v>
      </c>
      <c r="D1207" s="23" t="s">
        <v>2241</v>
      </c>
      <c r="E1207" s="1" t="str">
        <f t="shared" si="212"/>
        <v>http://www.sap.com/community/tag.html?id=01200314690800002847</v>
      </c>
      <c r="F1207" s="23" t="s">
        <v>3416</v>
      </c>
      <c r="G1207"/>
      <c r="H1207"/>
      <c r="I1207"/>
      <c r="J1207"/>
    </row>
    <row r="1208" spans="1:10" x14ac:dyDescent="0.25">
      <c r="A1208" s="7"/>
      <c r="B1208" s="23"/>
      <c r="C1208" t="s">
        <v>1668</v>
      </c>
      <c r="D1208" s="23" t="s">
        <v>2241</v>
      </c>
      <c r="E1208" s="1" t="str">
        <f t="shared" si="212"/>
        <v>http://www.sap.com/community/tag.html?id=01200314690800001387</v>
      </c>
      <c r="F1208" s="23" t="s">
        <v>3417</v>
      </c>
      <c r="G1208"/>
      <c r="H1208"/>
      <c r="I1208"/>
      <c r="J1208"/>
    </row>
    <row r="1209" spans="1:10" x14ac:dyDescent="0.25">
      <c r="A1209" s="7"/>
      <c r="B1209"/>
      <c r="C1209" s="23" t="s">
        <v>746</v>
      </c>
      <c r="D1209" s="23" t="s">
        <v>2241</v>
      </c>
      <c r="E1209" s="1" t="str">
        <f t="shared" si="212"/>
        <v>http://www.sap.com/community/tag.html?id=01200314690800001975</v>
      </c>
      <c r="F1209" s="23" t="s">
        <v>3418</v>
      </c>
      <c r="G1209"/>
      <c r="H1209"/>
      <c r="I1209"/>
      <c r="J1209"/>
    </row>
    <row r="1210" spans="1:10" x14ac:dyDescent="0.25">
      <c r="A1210" s="7"/>
      <c r="B1210"/>
      <c r="C1210" s="23" t="s">
        <v>1353</v>
      </c>
      <c r="D1210" s="23" t="s">
        <v>2241</v>
      </c>
      <c r="E1210" s="1" t="str">
        <f t="shared" si="212"/>
        <v>http://www.sap.com/community/tag.html?id=01200314690800000697</v>
      </c>
      <c r="F1210" s="23" t="s">
        <v>3419</v>
      </c>
      <c r="G1210"/>
      <c r="H1210"/>
      <c r="I1210"/>
      <c r="J1210"/>
    </row>
    <row r="1211" spans="1:10" x14ac:dyDescent="0.25">
      <c r="A1211" s="7"/>
      <c r="B1211"/>
      <c r="C1211" s="23" t="s">
        <v>1232</v>
      </c>
      <c r="D1211" s="23" t="s">
        <v>2241</v>
      </c>
      <c r="E1211" s="1" t="str">
        <f t="shared" si="212"/>
        <v>http://www.sap.com/community/tag.html?id=01200314690800001600</v>
      </c>
      <c r="F1211" s="23" t="s">
        <v>3420</v>
      </c>
      <c r="G1211"/>
      <c r="H1211"/>
      <c r="I1211"/>
      <c r="J1211"/>
    </row>
    <row r="1212" spans="1:10" x14ac:dyDescent="0.25">
      <c r="A1212" s="7"/>
      <c r="B1212"/>
      <c r="C1212" s="23" t="s">
        <v>1556</v>
      </c>
      <c r="D1212" s="23" t="s">
        <v>2241</v>
      </c>
      <c r="E1212" s="1" t="str">
        <f t="shared" si="212"/>
        <v>http://www.sap.com/community/tag.html?id=01200615320800003686</v>
      </c>
      <c r="F1212" s="23" t="s">
        <v>3421</v>
      </c>
      <c r="G1212"/>
      <c r="H1212"/>
      <c r="I1212"/>
      <c r="J1212"/>
    </row>
    <row r="1213" spans="1:10" x14ac:dyDescent="0.25">
      <c r="A1213" s="7"/>
      <c r="B1213" t="s">
        <v>1698</v>
      </c>
      <c r="C1213" s="23"/>
      <c r="D1213" s="7" t="s">
        <v>5032</v>
      </c>
      <c r="E1213" s="1"/>
      <c r="F1213" s="23" t="s">
        <v>3422</v>
      </c>
      <c r="G1213"/>
      <c r="H1213"/>
      <c r="I1213"/>
      <c r="J1213"/>
    </row>
    <row r="1214" spans="1:10" x14ac:dyDescent="0.25">
      <c r="A1214" s="7"/>
      <c r="B1214"/>
      <c r="C1214" s="23" t="s">
        <v>475</v>
      </c>
      <c r="D1214" s="23" t="s">
        <v>2241</v>
      </c>
      <c r="E1214" s="1" t="str">
        <f t="shared" ref="E1214:E1233" si="213" xml:space="preserve"> HYPERLINK(CONCATENATE("http://www.sap.com/community/tag.html?id=",$F1214))</f>
        <v>http://www.sap.com/community/tag.html?id=67837800100800004893</v>
      </c>
      <c r="F1214" s="23" t="s">
        <v>3423</v>
      </c>
      <c r="G1214"/>
      <c r="H1214"/>
      <c r="I1214"/>
      <c r="J1214"/>
    </row>
    <row r="1215" spans="1:10" x14ac:dyDescent="0.25">
      <c r="A1215" s="7"/>
      <c r="B1215"/>
      <c r="C1215" s="23" t="s">
        <v>1104</v>
      </c>
      <c r="D1215" s="23" t="s">
        <v>2241</v>
      </c>
      <c r="E1215" s="1" t="str">
        <f t="shared" si="213"/>
        <v>http://www.sap.com/community/tag.html?id=01200314690800001252</v>
      </c>
      <c r="F1215" s="23" t="s">
        <v>3424</v>
      </c>
      <c r="G1215"/>
      <c r="H1215"/>
      <c r="I1215"/>
      <c r="J1215"/>
    </row>
    <row r="1216" spans="1:10" x14ac:dyDescent="0.25">
      <c r="A1216" s="7"/>
      <c r="B1216"/>
      <c r="C1216" s="23" t="s">
        <v>1698</v>
      </c>
      <c r="D1216" s="23" t="s">
        <v>2241</v>
      </c>
      <c r="E1216" s="1" t="str">
        <f t="shared" si="213"/>
        <v>http://www.sap.com/community/tag.html?id=01200615320800000816</v>
      </c>
      <c r="F1216" s="23" t="s">
        <v>3425</v>
      </c>
      <c r="G1216"/>
      <c r="H1216"/>
      <c r="I1216"/>
      <c r="J1216"/>
    </row>
    <row r="1217" spans="1:10" x14ac:dyDescent="0.25">
      <c r="A1217" s="7"/>
      <c r="B1217"/>
      <c r="C1217" s="23" t="s">
        <v>874</v>
      </c>
      <c r="D1217" s="23" t="s">
        <v>2241</v>
      </c>
      <c r="E1217" s="1" t="str">
        <f t="shared" si="213"/>
        <v>http://www.sap.com/community/tag.html?id=01200314690800002689</v>
      </c>
      <c r="F1217" s="23" t="s">
        <v>3426</v>
      </c>
      <c r="G1217"/>
      <c r="H1217"/>
      <c r="I1217"/>
      <c r="J1217"/>
    </row>
    <row r="1218" spans="1:10" x14ac:dyDescent="0.25">
      <c r="A1218" s="7"/>
      <c r="B1218"/>
      <c r="C1218" s="23" t="s">
        <v>1262</v>
      </c>
      <c r="D1218" s="23" t="s">
        <v>2241</v>
      </c>
      <c r="E1218" s="1" t="str">
        <f t="shared" si="213"/>
        <v>http://www.sap.com/community/tag.html?id=67837800100800006411</v>
      </c>
      <c r="F1218" s="23" t="s">
        <v>3427</v>
      </c>
      <c r="G1218"/>
      <c r="H1218"/>
      <c r="I1218"/>
      <c r="J1218"/>
    </row>
    <row r="1219" spans="1:10" x14ac:dyDescent="0.25">
      <c r="A1219" s="7"/>
      <c r="B1219"/>
      <c r="C1219" s="23" t="s">
        <v>1231</v>
      </c>
      <c r="D1219" s="23" t="s">
        <v>2241</v>
      </c>
      <c r="E1219" s="1" t="str">
        <f t="shared" si="213"/>
        <v>http://www.sap.com/community/tag.html?id=67837800100800007208</v>
      </c>
      <c r="F1219" s="23" t="s">
        <v>3428</v>
      </c>
      <c r="G1219"/>
      <c r="H1219"/>
      <c r="I1219"/>
      <c r="J1219"/>
    </row>
    <row r="1220" spans="1:10" x14ac:dyDescent="0.25">
      <c r="A1220" s="7"/>
      <c r="B1220"/>
      <c r="C1220" s="23" t="s">
        <v>1096</v>
      </c>
      <c r="D1220" s="23" t="s">
        <v>2241</v>
      </c>
      <c r="E1220" s="1" t="str">
        <f t="shared" si="213"/>
        <v>http://www.sap.com/community/tag.html?id=01200615320800002776</v>
      </c>
      <c r="F1220" s="23" t="s">
        <v>3429</v>
      </c>
      <c r="G1220"/>
      <c r="H1220"/>
      <c r="I1220"/>
      <c r="J1220"/>
    </row>
    <row r="1221" spans="1:10" x14ac:dyDescent="0.25">
      <c r="A1221" s="7"/>
      <c r="B1221"/>
      <c r="C1221" s="23" t="s">
        <v>844</v>
      </c>
      <c r="D1221" s="23" t="s">
        <v>2241</v>
      </c>
      <c r="E1221" s="1" t="str">
        <f t="shared" si="213"/>
        <v>http://www.sap.com/community/tag.html?id=01200314690800000147</v>
      </c>
      <c r="F1221" s="23" t="s">
        <v>3430</v>
      </c>
      <c r="G1221"/>
      <c r="H1221"/>
      <c r="I1221"/>
      <c r="J1221"/>
    </row>
    <row r="1222" spans="1:10" x14ac:dyDescent="0.25">
      <c r="A1222" s="7"/>
      <c r="B1222"/>
      <c r="C1222" s="23" t="s">
        <v>1461</v>
      </c>
      <c r="D1222" s="23" t="s">
        <v>2241</v>
      </c>
      <c r="E1222" s="1" t="str">
        <f t="shared" si="213"/>
        <v>http://www.sap.com/community/tag.html?id=73554900100800000360</v>
      </c>
      <c r="F1222" s="23" t="s">
        <v>3441</v>
      </c>
      <c r="G1222"/>
      <c r="H1222"/>
      <c r="I1222"/>
      <c r="J1222"/>
    </row>
    <row r="1223" spans="1:10" x14ac:dyDescent="0.25">
      <c r="A1223" s="7"/>
      <c r="B1223"/>
      <c r="C1223" s="23" t="s">
        <v>117</v>
      </c>
      <c r="D1223" s="23" t="s">
        <v>2241</v>
      </c>
      <c r="E1223" s="1" t="str">
        <f t="shared" si="213"/>
        <v>http://www.sap.com/community/tag.html?id=73554900100800000421</v>
      </c>
      <c r="F1223" s="23" t="s">
        <v>3442</v>
      </c>
      <c r="G1223"/>
      <c r="H1223"/>
      <c r="I1223"/>
      <c r="J1223"/>
    </row>
    <row r="1224" spans="1:10" x14ac:dyDescent="0.25">
      <c r="A1224" s="7"/>
      <c r="B1224"/>
      <c r="C1224" s="23" t="s">
        <v>89</v>
      </c>
      <c r="D1224" s="23" t="s">
        <v>2241</v>
      </c>
      <c r="E1224" s="1" t="str">
        <f t="shared" si="213"/>
        <v>http://www.sap.com/community/tag.html?id=01200615320800000603</v>
      </c>
      <c r="F1224" s="23" t="s">
        <v>3431</v>
      </c>
      <c r="G1224"/>
      <c r="H1224"/>
      <c r="I1224"/>
      <c r="J1224"/>
    </row>
    <row r="1225" spans="1:10" x14ac:dyDescent="0.25">
      <c r="A1225" s="7"/>
      <c r="B1225"/>
      <c r="C1225" s="23" t="s">
        <v>828</v>
      </c>
      <c r="D1225" s="23" t="s">
        <v>2241</v>
      </c>
      <c r="E1225" s="1" t="str">
        <f t="shared" si="213"/>
        <v>http://www.sap.com/community/tag.html?id=01200615320800000704</v>
      </c>
      <c r="F1225" s="23" t="s">
        <v>3432</v>
      </c>
      <c r="G1225"/>
      <c r="H1225"/>
      <c r="I1225"/>
      <c r="J1225"/>
    </row>
    <row r="1226" spans="1:10" x14ac:dyDescent="0.25">
      <c r="A1226" s="7"/>
      <c r="B1226"/>
      <c r="C1226" s="23" t="s">
        <v>1729</v>
      </c>
      <c r="D1226" s="23" t="s">
        <v>2241</v>
      </c>
      <c r="E1226" s="1" t="str">
        <f t="shared" si="213"/>
        <v>http://www.sap.com/community/tag.html?id=73555000100800000102</v>
      </c>
      <c r="F1226" s="23" t="s">
        <v>3433</v>
      </c>
      <c r="G1226"/>
      <c r="H1226"/>
      <c r="I1226"/>
      <c r="J1226"/>
    </row>
    <row r="1227" spans="1:10" x14ac:dyDescent="0.25">
      <c r="A1227" s="7"/>
      <c r="B1227" s="23"/>
      <c r="C1227" t="s">
        <v>801</v>
      </c>
      <c r="D1227" s="23" t="s">
        <v>2241</v>
      </c>
      <c r="E1227" s="1" t="str">
        <f t="shared" si="213"/>
        <v>http://www.sap.com/community/tag.html?id=67838200100800005360</v>
      </c>
      <c r="F1227" s="23" t="s">
        <v>3434</v>
      </c>
      <c r="G1227"/>
      <c r="H1227"/>
      <c r="I1227"/>
      <c r="J1227"/>
    </row>
    <row r="1228" spans="1:10" x14ac:dyDescent="0.25">
      <c r="A1228" s="7"/>
      <c r="B1228"/>
      <c r="C1228" s="23" t="s">
        <v>249</v>
      </c>
      <c r="D1228" s="23" t="s">
        <v>2241</v>
      </c>
      <c r="E1228" s="1" t="str">
        <f t="shared" si="213"/>
        <v>http://www.sap.com/community/tag.html?id=01200615320800000617</v>
      </c>
      <c r="F1228" s="23" t="s">
        <v>3435</v>
      </c>
      <c r="G1228"/>
      <c r="H1228"/>
      <c r="I1228"/>
      <c r="J1228"/>
    </row>
    <row r="1229" spans="1:10" x14ac:dyDescent="0.25">
      <c r="A1229" s="7"/>
      <c r="B1229"/>
      <c r="C1229" s="23" t="s">
        <v>109</v>
      </c>
      <c r="D1229" s="23" t="s">
        <v>2241</v>
      </c>
      <c r="E1229" s="1" t="str">
        <f t="shared" si="213"/>
        <v>http://www.sap.com/community/tag.html?id=01200615320800000618</v>
      </c>
      <c r="F1229" s="23" t="s">
        <v>3436</v>
      </c>
      <c r="G1229"/>
      <c r="H1229"/>
      <c r="I1229"/>
      <c r="J1229"/>
    </row>
    <row r="1230" spans="1:10" x14ac:dyDescent="0.25">
      <c r="A1230" s="7"/>
      <c r="B1230" s="23"/>
      <c r="C1230" t="s">
        <v>287</v>
      </c>
      <c r="D1230" s="23" t="s">
        <v>2241</v>
      </c>
      <c r="E1230" s="1" t="str">
        <f t="shared" si="213"/>
        <v>http://www.sap.com/community/tag.html?id=01200615320800000571</v>
      </c>
      <c r="F1230" s="23" t="s">
        <v>3437</v>
      </c>
      <c r="G1230"/>
      <c r="H1230"/>
      <c r="I1230"/>
      <c r="J1230"/>
    </row>
    <row r="1231" spans="1:10" x14ac:dyDescent="0.25">
      <c r="A1231" s="7"/>
      <c r="B1231"/>
      <c r="C1231" s="23" t="s">
        <v>74</v>
      </c>
      <c r="D1231" s="23" t="s">
        <v>2241</v>
      </c>
      <c r="E1231" s="1" t="str">
        <f t="shared" si="213"/>
        <v>http://www.sap.com/community/tag.html?id=67838200100800004775</v>
      </c>
      <c r="F1231" s="23" t="s">
        <v>3438</v>
      </c>
      <c r="G1231"/>
      <c r="H1231"/>
      <c r="I1231"/>
      <c r="J1231"/>
    </row>
    <row r="1232" spans="1:10" x14ac:dyDescent="0.25">
      <c r="A1232" s="7"/>
      <c r="B1232"/>
      <c r="C1232" s="23" t="s">
        <v>1052</v>
      </c>
      <c r="D1232" s="23" t="s">
        <v>2241</v>
      </c>
      <c r="E1232" s="1" t="str">
        <f t="shared" si="213"/>
        <v>http://www.sap.com/community/tag.html?id=67838200100800006729</v>
      </c>
      <c r="F1232" s="23" t="s">
        <v>3439</v>
      </c>
      <c r="G1232"/>
      <c r="H1232"/>
      <c r="I1232"/>
      <c r="J1232"/>
    </row>
    <row r="1233" spans="1:10" x14ac:dyDescent="0.25">
      <c r="A1233" s="7"/>
      <c r="B1233"/>
      <c r="C1233" s="23" t="s">
        <v>1702</v>
      </c>
      <c r="D1233" s="23" t="s">
        <v>2241</v>
      </c>
      <c r="E1233" s="1" t="str">
        <f t="shared" si="213"/>
        <v>http://www.sap.com/community/tag.html?id=01200615320800003530</v>
      </c>
      <c r="F1233" s="23" t="s">
        <v>3440</v>
      </c>
      <c r="G1233"/>
      <c r="H1233"/>
      <c r="I1233"/>
      <c r="J1233"/>
    </row>
    <row r="1234" spans="1:10" x14ac:dyDescent="0.25">
      <c r="A1234" s="7"/>
      <c r="B1234" t="s">
        <v>1621</v>
      </c>
      <c r="C1234" s="23"/>
      <c r="D1234" s="7" t="s">
        <v>5032</v>
      </c>
      <c r="E1234" s="1"/>
      <c r="F1234" s="23" t="s">
        <v>3443</v>
      </c>
      <c r="G1234"/>
      <c r="H1234"/>
      <c r="I1234"/>
      <c r="J1234"/>
    </row>
    <row r="1235" spans="1:10" x14ac:dyDescent="0.25">
      <c r="A1235" s="7"/>
      <c r="B1235"/>
      <c r="C1235" s="23" t="s">
        <v>1596</v>
      </c>
      <c r="D1235" s="23" t="s">
        <v>2241</v>
      </c>
      <c r="E1235" s="1" t="str">
        <f t="shared" ref="E1235:E1272" si="214" xml:space="preserve"> HYPERLINK(CONCATENATE("http://www.sap.com/community/tag.html?id=",$F1235))</f>
        <v>http://www.sap.com/community/tag.html?id=01200615320800000693</v>
      </c>
      <c r="F1235" s="23" t="s">
        <v>3444</v>
      </c>
      <c r="G1235"/>
      <c r="H1235"/>
      <c r="I1235"/>
      <c r="J1235"/>
    </row>
    <row r="1236" spans="1:10" x14ac:dyDescent="0.25">
      <c r="A1236" s="7"/>
      <c r="B1236"/>
      <c r="C1236" s="23" t="s">
        <v>78</v>
      </c>
      <c r="D1236" s="23" t="s">
        <v>2241</v>
      </c>
      <c r="E1236" s="1" t="str">
        <f t="shared" si="214"/>
        <v>http://www.sap.com/community/tag.html?id=67838200100800004843</v>
      </c>
      <c r="F1236" s="23" t="s">
        <v>3445</v>
      </c>
      <c r="G1236"/>
      <c r="H1236"/>
      <c r="I1236"/>
      <c r="J1236"/>
    </row>
    <row r="1237" spans="1:10" x14ac:dyDescent="0.25">
      <c r="A1237" s="7"/>
      <c r="B1237"/>
      <c r="C1237" s="23" t="s">
        <v>1621</v>
      </c>
      <c r="D1237" s="23" t="s">
        <v>2241</v>
      </c>
      <c r="E1237" s="1" t="str">
        <f t="shared" si="214"/>
        <v>http://www.sap.com/community/tag.html?id=01200615320800000659</v>
      </c>
      <c r="F1237" s="23" t="s">
        <v>3446</v>
      </c>
      <c r="G1237"/>
      <c r="H1237"/>
      <c r="I1237"/>
      <c r="J1237"/>
    </row>
    <row r="1238" spans="1:10" x14ac:dyDescent="0.25">
      <c r="A1238" s="7"/>
      <c r="B1238"/>
      <c r="C1238" s="23" t="s">
        <v>831</v>
      </c>
      <c r="D1238" s="23" t="s">
        <v>2241</v>
      </c>
      <c r="E1238" s="1" t="str">
        <f t="shared" si="214"/>
        <v>http://www.sap.com/community/tag.html?id=01200314690800003679</v>
      </c>
      <c r="F1238" s="23" t="s">
        <v>3447</v>
      </c>
      <c r="G1238"/>
      <c r="H1238"/>
      <c r="I1238"/>
      <c r="J1238"/>
    </row>
    <row r="1239" spans="1:10" x14ac:dyDescent="0.25">
      <c r="A1239" s="7"/>
      <c r="B1239"/>
      <c r="C1239" s="23" t="s">
        <v>1510</v>
      </c>
      <c r="D1239" s="23" t="s">
        <v>2241</v>
      </c>
      <c r="E1239" s="1" t="str">
        <f t="shared" si="214"/>
        <v>http://www.sap.com/community/tag.html?id=01200615320800002375</v>
      </c>
      <c r="F1239" s="23" t="s">
        <v>3449</v>
      </c>
      <c r="G1239"/>
      <c r="H1239"/>
      <c r="I1239"/>
      <c r="J1239"/>
    </row>
    <row r="1240" spans="1:10" x14ac:dyDescent="0.25">
      <c r="A1240" s="7"/>
      <c r="B1240"/>
      <c r="C1240" s="23" t="s">
        <v>540</v>
      </c>
      <c r="D1240" s="23" t="s">
        <v>2241</v>
      </c>
      <c r="E1240" s="1" t="str">
        <f t="shared" si="214"/>
        <v>http://www.sap.com/community/tag.html?id=01200314690800000819</v>
      </c>
      <c r="F1240" s="23" t="s">
        <v>3450</v>
      </c>
      <c r="G1240"/>
      <c r="H1240"/>
      <c r="I1240"/>
      <c r="J1240"/>
    </row>
    <row r="1241" spans="1:10" x14ac:dyDescent="0.25">
      <c r="A1241" s="7"/>
      <c r="B1241"/>
      <c r="C1241" s="23" t="s">
        <v>632</v>
      </c>
      <c r="D1241" s="23" t="s">
        <v>2241</v>
      </c>
      <c r="E1241" s="1" t="str">
        <f t="shared" si="214"/>
        <v>http://www.sap.com/community/tag.html?id=01200615320800000172</v>
      </c>
      <c r="F1241" s="23" t="s">
        <v>3451</v>
      </c>
      <c r="G1241"/>
      <c r="H1241"/>
      <c r="I1241"/>
      <c r="J1241"/>
    </row>
    <row r="1242" spans="1:10" x14ac:dyDescent="0.25">
      <c r="A1242" s="7"/>
      <c r="B1242"/>
      <c r="C1242" s="23" t="s">
        <v>1339</v>
      </c>
      <c r="D1242" s="23" t="s">
        <v>2241</v>
      </c>
      <c r="E1242" s="1" t="str">
        <f t="shared" si="214"/>
        <v>http://www.sap.com/community/tag.html?id=01200314690800000122</v>
      </c>
      <c r="F1242" s="23" t="s">
        <v>3452</v>
      </c>
      <c r="G1242"/>
      <c r="H1242"/>
      <c r="I1242"/>
      <c r="J1242"/>
    </row>
    <row r="1243" spans="1:10" x14ac:dyDescent="0.25">
      <c r="A1243" s="7"/>
      <c r="B1243"/>
      <c r="C1243" s="23" t="s">
        <v>1949</v>
      </c>
      <c r="D1243" s="23" t="s">
        <v>2241</v>
      </c>
      <c r="E1243" s="1" t="str">
        <f t="shared" si="214"/>
        <v>http://www.sap.com/community/tag.html?id=01200615320800000275</v>
      </c>
      <c r="F1243" s="23" t="s">
        <v>3453</v>
      </c>
      <c r="G1243"/>
      <c r="H1243"/>
      <c r="I1243"/>
      <c r="J1243"/>
    </row>
    <row r="1244" spans="1:10" x14ac:dyDescent="0.25">
      <c r="A1244" s="7"/>
      <c r="B1244"/>
      <c r="C1244" s="23" t="s">
        <v>552</v>
      </c>
      <c r="D1244" s="23" t="s">
        <v>2241</v>
      </c>
      <c r="E1244" s="1" t="str">
        <f t="shared" si="214"/>
        <v>http://www.sap.com/community/tag.html?id=67838200100800005202</v>
      </c>
      <c r="F1244" s="23" t="s">
        <v>3454</v>
      </c>
      <c r="G1244"/>
      <c r="H1244"/>
      <c r="I1244"/>
      <c r="J1244"/>
    </row>
    <row r="1245" spans="1:10" x14ac:dyDescent="0.25">
      <c r="A1245" s="7"/>
      <c r="B1245"/>
      <c r="C1245" s="23" t="s">
        <v>2176</v>
      </c>
      <c r="D1245" s="23" t="s">
        <v>2241</v>
      </c>
      <c r="E1245" s="1" t="str">
        <f t="shared" si="214"/>
        <v>http://www.sap.com/community/tag.html?id=01200314690800000387</v>
      </c>
      <c r="F1245" s="23" t="s">
        <v>3455</v>
      </c>
      <c r="G1245"/>
      <c r="H1245"/>
      <c r="I1245"/>
      <c r="J1245"/>
    </row>
    <row r="1246" spans="1:10" x14ac:dyDescent="0.25">
      <c r="A1246" s="7"/>
      <c r="B1246"/>
      <c r="C1246" s="23" t="s">
        <v>1422</v>
      </c>
      <c r="D1246" s="23" t="s">
        <v>2241</v>
      </c>
      <c r="E1246" s="1" t="str">
        <f t="shared" si="214"/>
        <v>http://www.sap.com/community/tag.html?id=01200615320800000699</v>
      </c>
      <c r="F1246" s="23" t="s">
        <v>3456</v>
      </c>
      <c r="G1246"/>
      <c r="H1246"/>
      <c r="I1246"/>
      <c r="J1246"/>
    </row>
    <row r="1247" spans="1:10" x14ac:dyDescent="0.25">
      <c r="A1247" s="7"/>
      <c r="B1247"/>
      <c r="C1247" s="23" t="s">
        <v>334</v>
      </c>
      <c r="D1247" s="23" t="s">
        <v>2241</v>
      </c>
      <c r="E1247" s="1" t="str">
        <f t="shared" si="214"/>
        <v>http://www.sap.com/community/tag.html?id=01200314690800000212</v>
      </c>
      <c r="F1247" s="23" t="s">
        <v>3457</v>
      </c>
      <c r="G1247"/>
      <c r="H1247"/>
      <c r="I1247"/>
      <c r="J1247"/>
    </row>
    <row r="1248" spans="1:10" x14ac:dyDescent="0.25">
      <c r="A1248" s="7"/>
      <c r="B1248"/>
      <c r="C1248" s="23" t="s">
        <v>1335</v>
      </c>
      <c r="D1248" s="23" t="s">
        <v>2241</v>
      </c>
      <c r="E1248" s="1" t="str">
        <f t="shared" si="214"/>
        <v>http://www.sap.com/community/tag.html?id=01200615320800000713</v>
      </c>
      <c r="F1248" s="23" t="s">
        <v>3458</v>
      </c>
      <c r="G1248"/>
      <c r="H1248"/>
      <c r="I1248"/>
      <c r="J1248"/>
    </row>
    <row r="1249" spans="1:10" x14ac:dyDescent="0.25">
      <c r="A1249" s="7"/>
      <c r="B1249"/>
      <c r="C1249" s="23" t="s">
        <v>1716</v>
      </c>
      <c r="D1249" s="23" t="s">
        <v>2241</v>
      </c>
      <c r="E1249" s="1" t="str">
        <f t="shared" si="214"/>
        <v>http://www.sap.com/community/tag.html?id=73555000100800000049</v>
      </c>
      <c r="F1249" s="23" t="s">
        <v>3459</v>
      </c>
      <c r="G1249"/>
      <c r="H1249"/>
      <c r="I1249"/>
      <c r="J1249"/>
    </row>
    <row r="1250" spans="1:10" x14ac:dyDescent="0.25">
      <c r="A1250" s="7"/>
      <c r="B1250"/>
      <c r="C1250" s="23" t="s">
        <v>1212</v>
      </c>
      <c r="D1250" s="23" t="s">
        <v>2241</v>
      </c>
      <c r="E1250" s="1" t="str">
        <f t="shared" si="214"/>
        <v>http://www.sap.com/community/tag.html?id=01200314690800000527</v>
      </c>
      <c r="F1250" s="23" t="s">
        <v>3460</v>
      </c>
      <c r="G1250"/>
      <c r="H1250"/>
      <c r="I1250"/>
      <c r="J1250"/>
    </row>
    <row r="1251" spans="1:10" x14ac:dyDescent="0.25">
      <c r="A1251" s="7"/>
      <c r="B1251"/>
      <c r="C1251" s="23" t="s">
        <v>2096</v>
      </c>
      <c r="D1251" s="23" t="s">
        <v>2241</v>
      </c>
      <c r="E1251" s="1" t="str">
        <f t="shared" si="214"/>
        <v>http://www.sap.com/community/tag.html?id=01200314690800000959</v>
      </c>
      <c r="F1251" s="23" t="s">
        <v>3461</v>
      </c>
      <c r="G1251"/>
      <c r="H1251"/>
      <c r="I1251"/>
      <c r="J1251"/>
    </row>
    <row r="1252" spans="1:10" x14ac:dyDescent="0.25">
      <c r="A1252" s="7"/>
      <c r="B1252"/>
      <c r="C1252" s="23" t="s">
        <v>1581</v>
      </c>
      <c r="D1252" s="23" t="s">
        <v>2241</v>
      </c>
      <c r="E1252" s="1" t="str">
        <f t="shared" si="214"/>
        <v>http://www.sap.com/community/tag.html?id=01200615320800002950</v>
      </c>
      <c r="F1252" s="23" t="s">
        <v>3462</v>
      </c>
      <c r="G1252"/>
      <c r="H1252"/>
      <c r="I1252"/>
      <c r="J1252"/>
    </row>
    <row r="1253" spans="1:10" x14ac:dyDescent="0.25">
      <c r="A1253" s="7"/>
      <c r="B1253"/>
      <c r="C1253" s="23" t="s">
        <v>1553</v>
      </c>
      <c r="D1253" s="23" t="s">
        <v>2241</v>
      </c>
      <c r="E1253" s="1" t="str">
        <f t="shared" si="214"/>
        <v>http://www.sap.com/community/tag.html?id=01200314690800001678</v>
      </c>
      <c r="F1253" s="23" t="s">
        <v>3463</v>
      </c>
      <c r="G1253"/>
      <c r="H1253"/>
      <c r="I1253"/>
      <c r="J1253"/>
    </row>
    <row r="1254" spans="1:10" x14ac:dyDescent="0.25">
      <c r="A1254" s="7"/>
      <c r="B1254"/>
      <c r="C1254" s="23" t="s">
        <v>35</v>
      </c>
      <c r="D1254" s="23" t="s">
        <v>2241</v>
      </c>
      <c r="E1254" s="1" t="str">
        <f t="shared" si="214"/>
        <v>http://www.sap.com/community/tag.html?id=01200314690800000854</v>
      </c>
      <c r="F1254" s="23" t="s">
        <v>3464</v>
      </c>
      <c r="G1254"/>
      <c r="H1254"/>
      <c r="I1254"/>
      <c r="J1254"/>
    </row>
    <row r="1255" spans="1:10" x14ac:dyDescent="0.25">
      <c r="A1255" s="7"/>
      <c r="B1255"/>
      <c r="C1255" s="23" t="s">
        <v>2158</v>
      </c>
      <c r="D1255" s="23" t="s">
        <v>2241</v>
      </c>
      <c r="E1255" s="1" t="str">
        <f t="shared" si="214"/>
        <v>http://www.sap.com/community/tag.html?id=73555000100800000248</v>
      </c>
      <c r="F1255" s="23" t="s">
        <v>3465</v>
      </c>
      <c r="G1255"/>
      <c r="H1255"/>
      <c r="I1255"/>
      <c r="J1255"/>
    </row>
    <row r="1256" spans="1:10" x14ac:dyDescent="0.25">
      <c r="A1256" s="7"/>
      <c r="B1256"/>
      <c r="C1256" s="23" t="s">
        <v>229</v>
      </c>
      <c r="D1256" s="23" t="s">
        <v>2241</v>
      </c>
      <c r="E1256" s="1" t="str">
        <f t="shared" si="214"/>
        <v>http://www.sap.com/community/tag.html?id=01200314690800000146</v>
      </c>
      <c r="F1256" s="23" t="s">
        <v>3466</v>
      </c>
      <c r="G1256"/>
      <c r="H1256"/>
      <c r="I1256"/>
      <c r="J1256"/>
    </row>
    <row r="1257" spans="1:10" x14ac:dyDescent="0.25">
      <c r="A1257" s="7"/>
      <c r="B1257"/>
      <c r="C1257" s="23" t="s">
        <v>2196</v>
      </c>
      <c r="D1257" s="23" t="s">
        <v>2241</v>
      </c>
      <c r="E1257" s="1" t="str">
        <f t="shared" si="214"/>
        <v>http://www.sap.com/community/tag.html?id=01200615320800003855</v>
      </c>
      <c r="F1257" s="23" t="s">
        <v>3467</v>
      </c>
      <c r="G1257"/>
      <c r="H1257"/>
      <c r="I1257"/>
      <c r="J1257"/>
    </row>
    <row r="1258" spans="1:10" x14ac:dyDescent="0.25">
      <c r="A1258" s="7"/>
      <c r="B1258"/>
      <c r="C1258" s="23" t="s">
        <v>5054</v>
      </c>
      <c r="D1258" s="23" t="s">
        <v>2241</v>
      </c>
      <c r="E1258" s="1" t="str">
        <f t="shared" si="214"/>
        <v>http://www.sap.com/community/tag.html?id=73554900100800000797</v>
      </c>
      <c r="F1258" s="23" t="s">
        <v>5102</v>
      </c>
      <c r="G1258"/>
      <c r="H1258"/>
      <c r="I1258"/>
      <c r="J1258"/>
    </row>
    <row r="1259" spans="1:10" x14ac:dyDescent="0.25">
      <c r="A1259" s="7"/>
      <c r="B1259"/>
      <c r="C1259" s="23" t="s">
        <v>1538</v>
      </c>
      <c r="D1259" s="23" t="s">
        <v>2241</v>
      </c>
      <c r="E1259" s="1" t="str">
        <f t="shared" si="214"/>
        <v>http://www.sap.com/community/tag.html?id=73554900100800000316</v>
      </c>
      <c r="F1259" s="23" t="s">
        <v>3468</v>
      </c>
      <c r="G1259"/>
      <c r="H1259"/>
      <c r="I1259"/>
      <c r="J1259"/>
    </row>
    <row r="1260" spans="1:10" x14ac:dyDescent="0.25">
      <c r="A1260" s="7"/>
      <c r="B1260"/>
      <c r="C1260" s="23" t="s">
        <v>5424</v>
      </c>
      <c r="D1260" s="23" t="s">
        <v>2241</v>
      </c>
      <c r="E1260" s="1" t="str">
        <f t="shared" si="214"/>
        <v>http://www.sap.com/community/tag.html?id=73554900100800000922</v>
      </c>
      <c r="F1260" s="23" t="s">
        <v>5423</v>
      </c>
      <c r="G1260"/>
      <c r="H1260"/>
      <c r="I1260"/>
      <c r="J1260"/>
    </row>
    <row r="1261" spans="1:10" x14ac:dyDescent="0.25">
      <c r="A1261" s="7"/>
      <c r="B1261"/>
      <c r="C1261" s="23" t="s">
        <v>5055</v>
      </c>
      <c r="D1261" s="23" t="s">
        <v>2241</v>
      </c>
      <c r="E1261" s="1" t="str">
        <f t="shared" si="214"/>
        <v>http://www.sap.com/community/tag.html?id=67837800100800007117</v>
      </c>
      <c r="F1261" s="23" t="s">
        <v>3448</v>
      </c>
      <c r="G1261"/>
      <c r="H1261"/>
      <c r="I1261"/>
      <c r="J1261"/>
    </row>
    <row r="1262" spans="1:10" x14ac:dyDescent="0.25">
      <c r="A1262" s="7"/>
      <c r="B1262"/>
      <c r="C1262" s="23" t="s">
        <v>1234</v>
      </c>
      <c r="D1262" s="23" t="s">
        <v>2241</v>
      </c>
      <c r="E1262" s="1" t="str">
        <f t="shared" si="214"/>
        <v>http://www.sap.com/community/tag.html?id=73554900100800000692</v>
      </c>
      <c r="F1262" s="23" t="s">
        <v>3469</v>
      </c>
      <c r="G1262"/>
      <c r="H1262"/>
      <c r="I1262"/>
      <c r="J1262"/>
    </row>
    <row r="1263" spans="1:10" x14ac:dyDescent="0.25">
      <c r="A1263" s="7"/>
      <c r="B1263"/>
      <c r="C1263" s="23" t="s">
        <v>1214</v>
      </c>
      <c r="D1263" s="23" t="s">
        <v>2241</v>
      </c>
      <c r="E1263" s="1" t="str">
        <f t="shared" si="214"/>
        <v>http://www.sap.com/community/tag.html?id=01200314690800000185</v>
      </c>
      <c r="F1263" s="23" t="s">
        <v>3470</v>
      </c>
      <c r="G1263"/>
      <c r="H1263"/>
      <c r="I1263"/>
      <c r="J1263"/>
    </row>
    <row r="1264" spans="1:10" x14ac:dyDescent="0.25">
      <c r="A1264" s="7"/>
      <c r="B1264"/>
      <c r="C1264" s="23" t="s">
        <v>1980</v>
      </c>
      <c r="D1264" s="23" t="s">
        <v>2241</v>
      </c>
      <c r="E1264" s="1" t="str">
        <f t="shared" si="214"/>
        <v>http://www.sap.com/community/tag.html?id=67838200100800004187</v>
      </c>
      <c r="F1264" s="23" t="s">
        <v>3471</v>
      </c>
      <c r="G1264"/>
      <c r="H1264"/>
      <c r="I1264"/>
      <c r="J1264"/>
    </row>
    <row r="1265" spans="1:10" x14ac:dyDescent="0.25">
      <c r="A1265" s="7"/>
      <c r="B1265"/>
      <c r="C1265" s="23" t="s">
        <v>539</v>
      </c>
      <c r="D1265" s="23" t="s">
        <v>2241</v>
      </c>
      <c r="E1265" s="1" t="str">
        <f t="shared" si="214"/>
        <v>http://www.sap.com/community/tag.html?id=73555000100800000048</v>
      </c>
      <c r="F1265" s="23" t="s">
        <v>3472</v>
      </c>
      <c r="G1265"/>
      <c r="H1265"/>
      <c r="I1265"/>
      <c r="J1265"/>
    </row>
    <row r="1266" spans="1:10" x14ac:dyDescent="0.25">
      <c r="A1266" s="7"/>
      <c r="B1266"/>
      <c r="C1266" s="23" t="s">
        <v>711</v>
      </c>
      <c r="D1266" s="23" t="s">
        <v>2241</v>
      </c>
      <c r="E1266" s="1" t="str">
        <f t="shared" si="214"/>
        <v>http://www.sap.com/community/tag.html?id=01200615320800000600</v>
      </c>
      <c r="F1266" s="23" t="s">
        <v>3473</v>
      </c>
      <c r="G1266"/>
      <c r="H1266"/>
      <c r="I1266"/>
      <c r="J1266"/>
    </row>
    <row r="1267" spans="1:10" x14ac:dyDescent="0.25">
      <c r="A1267" s="7"/>
      <c r="B1267"/>
      <c r="C1267" s="23" t="s">
        <v>1206</v>
      </c>
      <c r="D1267" s="23" t="s">
        <v>2241</v>
      </c>
      <c r="E1267" s="1" t="str">
        <f t="shared" si="214"/>
        <v>http://www.sap.com/community/tag.html?id=01200314690800001337</v>
      </c>
      <c r="F1267" s="23" t="s">
        <v>3474</v>
      </c>
      <c r="G1267"/>
      <c r="H1267"/>
      <c r="I1267"/>
      <c r="J1267"/>
    </row>
    <row r="1268" spans="1:10" x14ac:dyDescent="0.25">
      <c r="A1268" s="7"/>
      <c r="B1268" s="23"/>
      <c r="C1268" t="s">
        <v>315</v>
      </c>
      <c r="D1268" s="23" t="s">
        <v>2241</v>
      </c>
      <c r="E1268" s="1" t="str">
        <f t="shared" si="214"/>
        <v>http://www.sap.com/community/tag.html?id=01200314690800000856</v>
      </c>
      <c r="F1268" s="23" t="s">
        <v>3475</v>
      </c>
      <c r="G1268"/>
      <c r="H1268"/>
      <c r="I1268"/>
      <c r="J1268"/>
    </row>
    <row r="1269" spans="1:10" x14ac:dyDescent="0.25">
      <c r="A1269" s="7"/>
      <c r="B1269"/>
      <c r="C1269" s="23" t="s">
        <v>5056</v>
      </c>
      <c r="D1269" s="23" t="s">
        <v>2241</v>
      </c>
      <c r="E1269" s="1" t="str">
        <f t="shared" si="214"/>
        <v>http://www.sap.com/community/tag.html?id=73554900100800000781</v>
      </c>
      <c r="F1269" s="23" t="s">
        <v>5103</v>
      </c>
      <c r="G1269"/>
      <c r="H1269"/>
      <c r="I1269"/>
      <c r="J1269"/>
    </row>
    <row r="1270" spans="1:10" x14ac:dyDescent="0.25">
      <c r="A1270" s="7"/>
      <c r="B1270"/>
      <c r="C1270" s="23" t="s">
        <v>895</v>
      </c>
      <c r="D1270" s="23" t="s">
        <v>2241</v>
      </c>
      <c r="E1270" s="1" t="str">
        <f t="shared" si="214"/>
        <v>http://www.sap.com/community/tag.html?id=01200314690800002600</v>
      </c>
      <c r="F1270" s="23" t="s">
        <v>3476</v>
      </c>
      <c r="G1270"/>
      <c r="H1270"/>
      <c r="I1270"/>
      <c r="J1270"/>
    </row>
    <row r="1271" spans="1:10" x14ac:dyDescent="0.25">
      <c r="A1271" s="7"/>
      <c r="B1271"/>
      <c r="C1271" s="23" t="s">
        <v>2203</v>
      </c>
      <c r="D1271" s="23" t="s">
        <v>2241</v>
      </c>
      <c r="E1271" s="1" t="str">
        <f t="shared" si="214"/>
        <v>http://www.sap.com/community/tag.html?id=01200314690800000917</v>
      </c>
      <c r="F1271" s="23" t="s">
        <v>3477</v>
      </c>
      <c r="G1271"/>
      <c r="H1271"/>
      <c r="I1271"/>
      <c r="J1271"/>
    </row>
    <row r="1272" spans="1:10" x14ac:dyDescent="0.25">
      <c r="A1272" s="7"/>
      <c r="B1272"/>
      <c r="C1272" s="23" t="s">
        <v>1474</v>
      </c>
      <c r="D1272" s="23" t="s">
        <v>2241</v>
      </c>
      <c r="E1272" s="1" t="str">
        <f t="shared" si="214"/>
        <v>http://www.sap.com/community/tag.html?id=73554900100800000366</v>
      </c>
      <c r="F1272" s="23" t="s">
        <v>3478</v>
      </c>
      <c r="G1272"/>
      <c r="H1272"/>
      <c r="I1272"/>
      <c r="J1272"/>
    </row>
    <row r="1273" spans="1:10" x14ac:dyDescent="0.25">
      <c r="A1273" s="7"/>
      <c r="B1273" t="s">
        <v>1404</v>
      </c>
      <c r="C1273" s="23"/>
      <c r="D1273" s="7" t="s">
        <v>5032</v>
      </c>
      <c r="E1273" s="1"/>
      <c r="F1273" s="23" t="s">
        <v>3479</v>
      </c>
      <c r="G1273"/>
      <c r="H1273"/>
      <c r="I1273"/>
      <c r="J1273"/>
    </row>
    <row r="1274" spans="1:10" x14ac:dyDescent="0.25">
      <c r="A1274" s="7"/>
      <c r="B1274"/>
      <c r="C1274" s="23" t="s">
        <v>1404</v>
      </c>
      <c r="D1274" s="23" t="s">
        <v>2241</v>
      </c>
      <c r="E1274" s="1" t="str">
        <f t="shared" ref="E1274:E1291" si="215" xml:space="preserve"> HYPERLINK(CONCATENATE("http://www.sap.com/community/tag.html?id=",$F1274))</f>
        <v>http://www.sap.com/community/tag.html?id=01200245450800000002</v>
      </c>
      <c r="F1274" s="23" t="s">
        <v>3480</v>
      </c>
      <c r="G1274"/>
      <c r="H1274"/>
      <c r="I1274"/>
      <c r="J1274"/>
    </row>
    <row r="1275" spans="1:10" x14ac:dyDescent="0.25">
      <c r="A1275" s="7"/>
      <c r="B1275"/>
      <c r="C1275" s="23" t="s">
        <v>1561</v>
      </c>
      <c r="D1275" s="23" t="s">
        <v>2241</v>
      </c>
      <c r="E1275" s="1" t="str">
        <f t="shared" si="215"/>
        <v>http://www.sap.com/community/tag.html?id=01200615320800000274</v>
      </c>
      <c r="F1275" s="23" t="s">
        <v>3481</v>
      </c>
      <c r="G1275"/>
      <c r="H1275"/>
      <c r="I1275"/>
      <c r="J1275"/>
    </row>
    <row r="1276" spans="1:10" x14ac:dyDescent="0.25">
      <c r="A1276" s="7"/>
      <c r="B1276"/>
      <c r="C1276" s="23" t="s">
        <v>1314</v>
      </c>
      <c r="D1276" s="23" t="s">
        <v>2241</v>
      </c>
      <c r="E1276" s="1" t="str">
        <f t="shared" si="215"/>
        <v>http://www.sap.com/community/tag.html?id=01200615320800000273</v>
      </c>
      <c r="F1276" s="23" t="s">
        <v>3482</v>
      </c>
      <c r="G1276"/>
      <c r="H1276"/>
      <c r="I1276"/>
      <c r="J1276"/>
    </row>
    <row r="1277" spans="1:10" x14ac:dyDescent="0.25">
      <c r="A1277" s="7"/>
      <c r="B1277"/>
      <c r="C1277" s="23" t="s">
        <v>462</v>
      </c>
      <c r="D1277" s="23" t="s">
        <v>2241</v>
      </c>
      <c r="E1277" s="1" t="str">
        <f t="shared" si="215"/>
        <v>http://www.sap.com/community/tag.html?id=01200615320800000265</v>
      </c>
      <c r="F1277" s="23" t="s">
        <v>3483</v>
      </c>
      <c r="G1277"/>
      <c r="H1277"/>
      <c r="I1277"/>
      <c r="J1277"/>
    </row>
    <row r="1278" spans="1:10" x14ac:dyDescent="0.25">
      <c r="A1278" s="7"/>
      <c r="B1278"/>
      <c r="C1278" s="23" t="s">
        <v>390</v>
      </c>
      <c r="D1278" s="23" t="s">
        <v>2241</v>
      </c>
      <c r="E1278" s="1" t="str">
        <f t="shared" si="215"/>
        <v>http://www.sap.com/community/tag.html?id=01200615320800000142</v>
      </c>
      <c r="F1278" s="23" t="s">
        <v>3484</v>
      </c>
      <c r="G1278"/>
      <c r="H1278"/>
      <c r="I1278"/>
      <c r="J1278"/>
    </row>
    <row r="1279" spans="1:10" x14ac:dyDescent="0.25">
      <c r="A1279" s="7"/>
      <c r="B1279"/>
      <c r="C1279" s="23" t="s">
        <v>2220</v>
      </c>
      <c r="D1279" s="23" t="s">
        <v>2241</v>
      </c>
      <c r="E1279" s="1" t="str">
        <f t="shared" si="215"/>
        <v>http://www.sap.com/community/tag.html?id=01200615320800000332</v>
      </c>
      <c r="F1279" s="23" t="s">
        <v>3485</v>
      </c>
      <c r="G1279"/>
      <c r="H1279"/>
      <c r="I1279"/>
      <c r="J1279"/>
    </row>
    <row r="1280" spans="1:10" x14ac:dyDescent="0.25">
      <c r="A1280" s="7"/>
      <c r="B1280"/>
      <c r="C1280" s="23" t="s">
        <v>1798</v>
      </c>
      <c r="D1280" s="23" t="s">
        <v>2241</v>
      </c>
      <c r="E1280" s="1" t="str">
        <f t="shared" si="215"/>
        <v>http://www.sap.com/community/tag.html?id=01200615320800000277</v>
      </c>
      <c r="F1280" s="23" t="s">
        <v>3486</v>
      </c>
      <c r="G1280"/>
      <c r="H1280"/>
      <c r="I1280"/>
      <c r="J1280"/>
    </row>
    <row r="1281" spans="1:10" x14ac:dyDescent="0.25">
      <c r="A1281" s="7"/>
      <c r="B1281"/>
      <c r="C1281" s="23" t="s">
        <v>908</v>
      </c>
      <c r="D1281" s="23" t="s">
        <v>2241</v>
      </c>
      <c r="E1281" s="1" t="str">
        <f t="shared" si="215"/>
        <v>http://www.sap.com/community/tag.html?id=01200615320800000278</v>
      </c>
      <c r="F1281" s="23" t="s">
        <v>3487</v>
      </c>
      <c r="G1281"/>
      <c r="H1281"/>
      <c r="I1281"/>
      <c r="J1281"/>
    </row>
    <row r="1282" spans="1:10" x14ac:dyDescent="0.25">
      <c r="A1282" s="7"/>
      <c r="B1282"/>
      <c r="C1282" s="23" t="s">
        <v>1225</v>
      </c>
      <c r="D1282" s="23" t="s">
        <v>2241</v>
      </c>
      <c r="E1282" s="1" t="str">
        <f t="shared" si="215"/>
        <v>http://www.sap.com/community/tag.html?id=01200314690800001409</v>
      </c>
      <c r="F1282" s="23" t="s">
        <v>3488</v>
      </c>
      <c r="G1282"/>
      <c r="H1282"/>
      <c r="I1282"/>
      <c r="J1282"/>
    </row>
    <row r="1283" spans="1:10" x14ac:dyDescent="0.25">
      <c r="A1283" s="7"/>
      <c r="B1283"/>
      <c r="C1283" s="23" t="s">
        <v>2214</v>
      </c>
      <c r="D1283" s="23" t="s">
        <v>2241</v>
      </c>
      <c r="E1283" s="1" t="str">
        <f t="shared" si="215"/>
        <v>http://www.sap.com/community/tag.html?id=01200615320800000192</v>
      </c>
      <c r="F1283" s="23" t="s">
        <v>3489</v>
      </c>
      <c r="G1283"/>
      <c r="H1283"/>
      <c r="I1283"/>
      <c r="J1283"/>
    </row>
    <row r="1284" spans="1:10" x14ac:dyDescent="0.25">
      <c r="A1284" s="7"/>
      <c r="B1284"/>
      <c r="C1284" s="23" t="s">
        <v>127</v>
      </c>
      <c r="D1284" s="23" t="s">
        <v>2241</v>
      </c>
      <c r="E1284" s="1" t="str">
        <f t="shared" si="215"/>
        <v>http://www.sap.com/community/tag.html?id=01200615320800000254</v>
      </c>
      <c r="F1284" s="23" t="s">
        <v>3490</v>
      </c>
      <c r="G1284"/>
      <c r="H1284"/>
      <c r="I1284"/>
      <c r="J1284"/>
    </row>
    <row r="1285" spans="1:10" x14ac:dyDescent="0.25">
      <c r="A1285" s="7"/>
      <c r="B1285"/>
      <c r="C1285" s="23" t="s">
        <v>998</v>
      </c>
      <c r="D1285" s="23" t="s">
        <v>2241</v>
      </c>
      <c r="E1285" s="1" t="str">
        <f t="shared" si="215"/>
        <v>http://www.sap.com/community/tag.html?id=01200615320800000579</v>
      </c>
      <c r="F1285" s="23" t="s">
        <v>3491</v>
      </c>
      <c r="G1285"/>
      <c r="H1285"/>
      <c r="I1285"/>
      <c r="J1285"/>
    </row>
    <row r="1286" spans="1:10" x14ac:dyDescent="0.25">
      <c r="A1286" s="7"/>
      <c r="B1286"/>
      <c r="C1286" s="23" t="s">
        <v>527</v>
      </c>
      <c r="D1286" s="23" t="s">
        <v>2241</v>
      </c>
      <c r="E1286" s="1" t="str">
        <f t="shared" si="215"/>
        <v>http://www.sap.com/community/tag.html?id=01200615320800003348</v>
      </c>
      <c r="F1286" s="23" t="s">
        <v>3492</v>
      </c>
      <c r="G1286"/>
      <c r="H1286"/>
      <c r="I1286"/>
      <c r="J1286"/>
    </row>
    <row r="1287" spans="1:10" x14ac:dyDescent="0.25">
      <c r="A1287" s="7"/>
      <c r="B1287" s="23"/>
      <c r="C1287" t="s">
        <v>1030</v>
      </c>
      <c r="D1287" s="23" t="s">
        <v>2241</v>
      </c>
      <c r="E1287" s="1" t="str">
        <f t="shared" si="215"/>
        <v>http://www.sap.com/community/tag.html?id=01200615320800000208</v>
      </c>
      <c r="F1287" s="23" t="s">
        <v>3493</v>
      </c>
      <c r="G1287"/>
      <c r="H1287"/>
      <c r="I1287"/>
      <c r="J1287"/>
    </row>
    <row r="1288" spans="1:10" x14ac:dyDescent="0.25">
      <c r="A1288" s="7"/>
      <c r="B1288"/>
      <c r="C1288" s="23" t="s">
        <v>922</v>
      </c>
      <c r="D1288" s="23" t="s">
        <v>2241</v>
      </c>
      <c r="E1288" s="1" t="str">
        <f t="shared" si="215"/>
        <v>http://www.sap.com/community/tag.html?id=01200615320800000162</v>
      </c>
      <c r="F1288" s="23" t="s">
        <v>3494</v>
      </c>
      <c r="G1288"/>
      <c r="H1288"/>
      <c r="I1288"/>
      <c r="J1288"/>
    </row>
    <row r="1289" spans="1:10" x14ac:dyDescent="0.25">
      <c r="A1289" s="7"/>
      <c r="B1289"/>
      <c r="C1289" s="23" t="s">
        <v>285</v>
      </c>
      <c r="D1289" s="23" t="s">
        <v>2241</v>
      </c>
      <c r="E1289" s="1" t="str">
        <f t="shared" si="215"/>
        <v>http://www.sap.com/community/tag.html?id=01200615320800000232</v>
      </c>
      <c r="F1289" s="23" t="s">
        <v>3495</v>
      </c>
      <c r="G1289"/>
      <c r="H1289"/>
      <c r="I1289"/>
      <c r="J1289"/>
    </row>
    <row r="1290" spans="1:10" x14ac:dyDescent="0.25">
      <c r="A1290" s="7"/>
      <c r="B1290"/>
      <c r="C1290" s="23" t="s">
        <v>1997</v>
      </c>
      <c r="D1290" s="23" t="s">
        <v>2241</v>
      </c>
      <c r="E1290" s="1" t="str">
        <f t="shared" si="215"/>
        <v>http://www.sap.com/community/tag.html?id=01200615320800000209</v>
      </c>
      <c r="F1290" s="23" t="s">
        <v>3496</v>
      </c>
      <c r="G1290"/>
      <c r="H1290"/>
      <c r="I1290"/>
      <c r="J1290"/>
    </row>
    <row r="1291" spans="1:10" x14ac:dyDescent="0.25">
      <c r="A1291" s="7"/>
      <c r="B1291"/>
      <c r="C1291" s="23" t="s">
        <v>985</v>
      </c>
      <c r="D1291" s="23" t="s">
        <v>2241</v>
      </c>
      <c r="E1291" s="1" t="str">
        <f t="shared" si="215"/>
        <v>http://www.sap.com/community/tag.html?id=01200314690800000198</v>
      </c>
      <c r="F1291" s="23" t="s">
        <v>3497</v>
      </c>
      <c r="G1291"/>
      <c r="H1291"/>
      <c r="I1291"/>
      <c r="J1291"/>
    </row>
    <row r="1292" spans="1:10" x14ac:dyDescent="0.25">
      <c r="A1292" s="7"/>
      <c r="B1292" t="s">
        <v>901</v>
      </c>
      <c r="C1292" s="23"/>
      <c r="D1292" s="7" t="s">
        <v>5032</v>
      </c>
      <c r="E1292" s="1"/>
      <c r="F1292" s="23" t="s">
        <v>3498</v>
      </c>
      <c r="G1292"/>
      <c r="H1292"/>
      <c r="I1292"/>
      <c r="J1292"/>
    </row>
    <row r="1293" spans="1:10" x14ac:dyDescent="0.25">
      <c r="A1293" s="7"/>
      <c r="B1293" s="23"/>
      <c r="C1293" t="s">
        <v>901</v>
      </c>
      <c r="D1293" s="23" t="s">
        <v>2241</v>
      </c>
      <c r="E1293" s="1" t="str">
        <f t="shared" ref="E1293:E1297" si="216" xml:space="preserve"> HYPERLINK(CONCATENATE("http://www.sap.com/community/tag.html?id=",$F1293))</f>
        <v>http://www.sap.com/community/tag.html?id=73554900100800000266</v>
      </c>
      <c r="F1293" s="23" t="s">
        <v>3499</v>
      </c>
      <c r="G1293"/>
      <c r="H1293"/>
      <c r="I1293"/>
      <c r="J1293"/>
    </row>
    <row r="1294" spans="1:10" x14ac:dyDescent="0.25">
      <c r="A1294" s="7"/>
      <c r="B1294"/>
      <c r="C1294" s="23" t="s">
        <v>961</v>
      </c>
      <c r="D1294" s="23" t="s">
        <v>2241</v>
      </c>
      <c r="E1294" s="1" t="str">
        <f t="shared" si="216"/>
        <v>http://www.sap.com/community/tag.html?id=67837800100800007389</v>
      </c>
      <c r="F1294" s="23" t="s">
        <v>3500</v>
      </c>
      <c r="G1294"/>
      <c r="H1294"/>
      <c r="I1294"/>
      <c r="J1294"/>
    </row>
    <row r="1295" spans="1:10" x14ac:dyDescent="0.25">
      <c r="A1295" s="7"/>
      <c r="B1295" s="23"/>
      <c r="C1295" t="s">
        <v>1259</v>
      </c>
      <c r="D1295" s="23" t="s">
        <v>2241</v>
      </c>
      <c r="E1295" s="1" t="str">
        <f t="shared" si="216"/>
        <v>http://www.sap.com/community/tag.html?id=73555000100800000362</v>
      </c>
      <c r="F1295" s="23" t="s">
        <v>3501</v>
      </c>
      <c r="G1295"/>
      <c r="H1295"/>
      <c r="I1295"/>
      <c r="J1295"/>
    </row>
    <row r="1296" spans="1:10" x14ac:dyDescent="0.25">
      <c r="A1296" s="7"/>
      <c r="B1296"/>
      <c r="C1296" s="23" t="s">
        <v>55</v>
      </c>
      <c r="D1296" s="23" t="s">
        <v>2241</v>
      </c>
      <c r="E1296" s="1" t="str">
        <f t="shared" si="216"/>
        <v>http://www.sap.com/community/tag.html?id=67837800100800006927</v>
      </c>
      <c r="F1296" s="23" t="s">
        <v>3502</v>
      </c>
      <c r="G1296"/>
      <c r="H1296"/>
      <c r="I1296"/>
      <c r="J1296"/>
    </row>
    <row r="1297" spans="1:10" x14ac:dyDescent="0.25">
      <c r="A1297" s="7"/>
      <c r="B1297" s="23"/>
      <c r="C1297" t="s">
        <v>5379</v>
      </c>
      <c r="D1297" s="23" t="s">
        <v>2241</v>
      </c>
      <c r="E1297" s="1" t="str">
        <f t="shared" si="216"/>
        <v>http://www.sap.com/community/tag.html?id=73554900100800000841</v>
      </c>
      <c r="F1297" s="23" t="s">
        <v>5343</v>
      </c>
      <c r="G1297"/>
      <c r="H1297"/>
      <c r="I1297"/>
      <c r="J1297"/>
    </row>
    <row r="1298" spans="1:10" x14ac:dyDescent="0.25">
      <c r="A1298" s="7"/>
      <c r="B1298" t="s">
        <v>5057</v>
      </c>
      <c r="C1298" s="23"/>
      <c r="D1298" s="7" t="s">
        <v>5032</v>
      </c>
      <c r="E1298" s="1"/>
      <c r="F1298" s="23" t="s">
        <v>5104</v>
      </c>
      <c r="G1298"/>
      <c r="H1298"/>
      <c r="I1298"/>
      <c r="J1298"/>
    </row>
    <row r="1299" spans="1:10" x14ac:dyDescent="0.25">
      <c r="A1299" s="7"/>
      <c r="B1299" s="23"/>
      <c r="C1299" t="s">
        <v>5057</v>
      </c>
      <c r="D1299" s="23" t="s">
        <v>2241</v>
      </c>
      <c r="E1299" s="1" t="str">
        <f t="shared" ref="E1299" si="217" xml:space="preserve"> HYPERLINK(CONCATENATE("http://www.sap.com/community/tag.html?id=",$F1299))</f>
        <v>http://www.sap.com/community/tag.html?id=73554900100800000707</v>
      </c>
      <c r="F1299" s="23" t="s">
        <v>5105</v>
      </c>
      <c r="G1299"/>
      <c r="H1299"/>
      <c r="I1299"/>
      <c r="J1299"/>
    </row>
    <row r="1300" spans="1:10" x14ac:dyDescent="0.25">
      <c r="A1300" s="7"/>
      <c r="B1300" t="s">
        <v>2191</v>
      </c>
      <c r="C1300" s="23"/>
      <c r="D1300" s="7" t="s">
        <v>5032</v>
      </c>
      <c r="E1300" s="1"/>
      <c r="F1300" s="23" t="s">
        <v>3503</v>
      </c>
      <c r="G1300"/>
      <c r="H1300"/>
      <c r="I1300"/>
      <c r="J1300"/>
    </row>
    <row r="1301" spans="1:10" x14ac:dyDescent="0.25">
      <c r="A1301" s="7"/>
      <c r="B1301" s="23"/>
      <c r="C1301" t="s">
        <v>2191</v>
      </c>
      <c r="D1301" s="23" t="s">
        <v>2241</v>
      </c>
      <c r="E1301" s="1" t="str">
        <f t="shared" ref="E1301" si="218" xml:space="preserve"> HYPERLINK(CONCATENATE("http://www.sap.com/community/tag.html?id=",$F1301))</f>
        <v>http://www.sap.com/community/tag.html?id=73555000100800000351</v>
      </c>
      <c r="F1301" s="23" t="s">
        <v>3504</v>
      </c>
      <c r="G1301"/>
      <c r="H1301"/>
      <c r="I1301"/>
      <c r="J1301"/>
    </row>
    <row r="1302" spans="1:10" x14ac:dyDescent="0.25">
      <c r="A1302" s="7"/>
      <c r="B1302" t="s">
        <v>1523</v>
      </c>
      <c r="C1302" s="23"/>
      <c r="D1302" s="7" t="s">
        <v>5032</v>
      </c>
      <c r="E1302" s="1"/>
      <c r="F1302" s="23" t="s">
        <v>3505</v>
      </c>
      <c r="G1302"/>
      <c r="H1302"/>
      <c r="I1302"/>
      <c r="J1302"/>
    </row>
    <row r="1303" spans="1:10" x14ac:dyDescent="0.25">
      <c r="A1303" s="7"/>
      <c r="B1303" s="23"/>
      <c r="C1303" t="s">
        <v>1523</v>
      </c>
      <c r="D1303" s="23" t="s">
        <v>2241</v>
      </c>
      <c r="E1303" s="1" t="str">
        <f t="shared" ref="E1303" si="219" xml:space="preserve"> HYPERLINK(CONCATENATE("http://www.sap.com/community/tag.html?id=",$F1303))</f>
        <v>http://www.sap.com/community/tag.html?id=67838200100800004047</v>
      </c>
      <c r="F1303" s="23" t="s">
        <v>3506</v>
      </c>
      <c r="G1303"/>
      <c r="H1303"/>
      <c r="I1303"/>
      <c r="J1303"/>
    </row>
    <row r="1304" spans="1:10" x14ac:dyDescent="0.25">
      <c r="A1304" s="7"/>
      <c r="B1304" t="s">
        <v>876</v>
      </c>
      <c r="C1304" s="23"/>
      <c r="D1304" s="7" t="s">
        <v>5032</v>
      </c>
      <c r="E1304" s="1"/>
      <c r="F1304" s="23" t="s">
        <v>3507</v>
      </c>
      <c r="G1304"/>
      <c r="H1304"/>
      <c r="I1304"/>
      <c r="J1304"/>
    </row>
    <row r="1305" spans="1:10" x14ac:dyDescent="0.25">
      <c r="A1305" s="7"/>
      <c r="B1305"/>
      <c r="C1305" s="23" t="s">
        <v>876</v>
      </c>
      <c r="D1305" s="23" t="s">
        <v>2241</v>
      </c>
      <c r="E1305" s="1" t="str">
        <f t="shared" ref="E1305" si="220" xml:space="preserve"> HYPERLINK(CONCATENATE("http://www.sap.com/community/tag.html?id=",$F1305))</f>
        <v>http://www.sap.com/community/tag.html?id=01200615320800000806</v>
      </c>
      <c r="F1305" s="23" t="s">
        <v>3508</v>
      </c>
      <c r="G1305"/>
      <c r="H1305"/>
      <c r="I1305"/>
      <c r="J1305"/>
    </row>
    <row r="1306" spans="1:10" x14ac:dyDescent="0.25">
      <c r="A1306" s="7"/>
      <c r="B1306" t="s">
        <v>265</v>
      </c>
      <c r="C1306" s="23"/>
      <c r="D1306" s="7" t="s">
        <v>5032</v>
      </c>
      <c r="E1306" s="1"/>
      <c r="F1306" s="23" t="s">
        <v>3509</v>
      </c>
      <c r="G1306"/>
      <c r="H1306"/>
      <c r="I1306"/>
      <c r="J1306"/>
    </row>
    <row r="1307" spans="1:10" x14ac:dyDescent="0.25">
      <c r="A1307" s="7"/>
      <c r="B1307"/>
      <c r="C1307" s="23" t="s">
        <v>265</v>
      </c>
      <c r="D1307" s="23" t="s">
        <v>2241</v>
      </c>
      <c r="E1307" s="1" t="str">
        <f t="shared" ref="E1307" si="221" xml:space="preserve"> HYPERLINK(CONCATENATE("http://www.sap.com/community/tag.html?id=",$F1307))</f>
        <v>http://www.sap.com/community/tag.html?id=67838200100800006368</v>
      </c>
      <c r="F1307" s="23" t="s">
        <v>3510</v>
      </c>
      <c r="G1307"/>
      <c r="H1307"/>
      <c r="I1307"/>
      <c r="J1307"/>
    </row>
    <row r="1308" spans="1:10" x14ac:dyDescent="0.25">
      <c r="A1308" s="7"/>
      <c r="B1308" t="s">
        <v>1892</v>
      </c>
      <c r="C1308" s="23"/>
      <c r="D1308" s="7" t="s">
        <v>5032</v>
      </c>
      <c r="E1308" s="1"/>
      <c r="F1308" s="23" t="s">
        <v>3511</v>
      </c>
      <c r="G1308"/>
      <c r="H1308"/>
      <c r="I1308"/>
      <c r="J1308"/>
    </row>
    <row r="1309" spans="1:10" x14ac:dyDescent="0.25">
      <c r="A1309" s="7"/>
      <c r="B1309"/>
      <c r="C1309" s="23" t="s">
        <v>2188</v>
      </c>
      <c r="D1309" s="23" t="s">
        <v>2241</v>
      </c>
      <c r="E1309" s="1" t="str">
        <f t="shared" ref="E1309:E1315" si="222" xml:space="preserve"> HYPERLINK(CONCATENATE("http://www.sap.com/community/tag.html?id=",$F1309))</f>
        <v>http://www.sap.com/community/tag.html?id=01200615320800000876</v>
      </c>
      <c r="F1309" s="23" t="s">
        <v>3512</v>
      </c>
      <c r="G1309"/>
      <c r="H1309"/>
      <c r="I1309"/>
      <c r="J1309"/>
    </row>
    <row r="1310" spans="1:10" x14ac:dyDescent="0.25">
      <c r="A1310" s="7"/>
      <c r="B1310"/>
      <c r="C1310" s="23" t="s">
        <v>1892</v>
      </c>
      <c r="D1310" s="23" t="s">
        <v>2241</v>
      </c>
      <c r="E1310" s="1" t="str">
        <f t="shared" si="222"/>
        <v>http://www.sap.com/community/tag.html?id=01200615320800000685</v>
      </c>
      <c r="F1310" s="23" t="s">
        <v>3513</v>
      </c>
      <c r="G1310"/>
      <c r="H1310"/>
      <c r="I1310"/>
      <c r="J1310"/>
    </row>
    <row r="1311" spans="1:10" x14ac:dyDescent="0.25">
      <c r="A1311" s="7"/>
      <c r="B1311" s="23"/>
      <c r="C1311" t="s">
        <v>1586</v>
      </c>
      <c r="D1311" s="23" t="s">
        <v>2241</v>
      </c>
      <c r="E1311" s="1" t="str">
        <f t="shared" si="222"/>
        <v>http://www.sap.com/community/tag.html?id=01200615320800003585</v>
      </c>
      <c r="F1311" s="23" t="s">
        <v>3514</v>
      </c>
      <c r="G1311"/>
      <c r="H1311"/>
      <c r="I1311"/>
      <c r="J1311"/>
    </row>
    <row r="1312" spans="1:10" x14ac:dyDescent="0.25">
      <c r="A1312" s="7"/>
      <c r="B1312"/>
      <c r="C1312" s="23" t="s">
        <v>1178</v>
      </c>
      <c r="D1312" s="23" t="s">
        <v>2241</v>
      </c>
      <c r="E1312" s="1" t="str">
        <f t="shared" si="222"/>
        <v>http://www.sap.com/community/tag.html?id=01200615320800003149</v>
      </c>
      <c r="F1312" s="23" t="s">
        <v>3515</v>
      </c>
      <c r="G1312"/>
      <c r="H1312"/>
      <c r="I1312"/>
      <c r="J1312"/>
    </row>
    <row r="1313" spans="1:10" x14ac:dyDescent="0.25">
      <c r="A1313" s="7"/>
      <c r="B1313" s="23"/>
      <c r="C1313" t="s">
        <v>865</v>
      </c>
      <c r="D1313" s="23" t="s">
        <v>2241</v>
      </c>
      <c r="E1313" s="1" t="str">
        <f t="shared" si="222"/>
        <v>http://www.sap.com/community/tag.html?id=67837800100800005571</v>
      </c>
      <c r="F1313" s="23" t="s">
        <v>3516</v>
      </c>
      <c r="G1313"/>
      <c r="H1313"/>
      <c r="I1313"/>
      <c r="J1313"/>
    </row>
    <row r="1314" spans="1:10" x14ac:dyDescent="0.25">
      <c r="A1314" s="7"/>
      <c r="B1314"/>
      <c r="C1314" s="23" t="s">
        <v>813</v>
      </c>
      <c r="D1314" s="23" t="s">
        <v>2241</v>
      </c>
      <c r="E1314" s="1" t="str">
        <f t="shared" si="222"/>
        <v>http://www.sap.com/community/tag.html?id=67838200100800004689</v>
      </c>
      <c r="F1314" s="23" t="s">
        <v>3517</v>
      </c>
      <c r="G1314"/>
      <c r="H1314"/>
      <c r="I1314"/>
      <c r="J1314"/>
    </row>
    <row r="1315" spans="1:10" x14ac:dyDescent="0.25">
      <c r="A1315" s="7"/>
      <c r="B1315"/>
      <c r="C1315" s="23" t="s">
        <v>2171</v>
      </c>
      <c r="D1315" s="23" t="s">
        <v>2241</v>
      </c>
      <c r="E1315" s="1" t="str">
        <f t="shared" si="222"/>
        <v>http://www.sap.com/community/tag.html?id=73554900100800000010</v>
      </c>
      <c r="F1315" s="23" t="s">
        <v>3518</v>
      </c>
      <c r="G1315"/>
      <c r="H1315"/>
      <c r="I1315"/>
      <c r="J1315"/>
    </row>
    <row r="1316" spans="1:10" x14ac:dyDescent="0.25">
      <c r="A1316" s="7"/>
      <c r="B1316" s="23" t="s">
        <v>1198</v>
      </c>
      <c r="C1316"/>
      <c r="D1316" s="7" t="s">
        <v>5032</v>
      </c>
      <c r="E1316" s="1"/>
      <c r="F1316" s="23" t="s">
        <v>3519</v>
      </c>
      <c r="G1316"/>
      <c r="H1316"/>
      <c r="I1316"/>
      <c r="J1316"/>
    </row>
    <row r="1317" spans="1:10" x14ac:dyDescent="0.25">
      <c r="A1317" s="7"/>
      <c r="B1317"/>
      <c r="C1317" s="23" t="s">
        <v>1198</v>
      </c>
      <c r="D1317" s="23" t="s">
        <v>2241</v>
      </c>
      <c r="E1317" s="1" t="str">
        <f t="shared" ref="E1317" si="223" xml:space="preserve"> HYPERLINK(CONCATENATE("http://www.sap.com/community/tag.html?id=",$F1317))</f>
        <v>http://www.sap.com/community/tag.html?id=67838200100800005411</v>
      </c>
      <c r="F1317" s="23" t="s">
        <v>3520</v>
      </c>
      <c r="G1317"/>
      <c r="H1317"/>
      <c r="I1317"/>
      <c r="J1317"/>
    </row>
    <row r="1318" spans="1:10" x14ac:dyDescent="0.25">
      <c r="A1318" s="7"/>
      <c r="B1318" s="23" t="s">
        <v>809</v>
      </c>
      <c r="C1318"/>
      <c r="D1318" s="7" t="s">
        <v>5032</v>
      </c>
      <c r="E1318" s="1"/>
      <c r="F1318" s="23" t="s">
        <v>3521</v>
      </c>
      <c r="G1318"/>
      <c r="H1318"/>
      <c r="I1318"/>
      <c r="J1318"/>
    </row>
    <row r="1319" spans="1:10" x14ac:dyDescent="0.25">
      <c r="A1319" s="7"/>
      <c r="B1319"/>
      <c r="C1319" s="23" t="s">
        <v>700</v>
      </c>
      <c r="D1319" s="23" t="s">
        <v>2241</v>
      </c>
      <c r="E1319" s="1" t="str">
        <f t="shared" ref="E1319:E1320" si="224" xml:space="preserve"> HYPERLINK(CONCATENATE("http://www.sap.com/community/tag.html?id=",$F1319))</f>
        <v>http://www.sap.com/community/tag.html?id=01200615320800003420</v>
      </c>
      <c r="F1319" s="23" t="s">
        <v>3522</v>
      </c>
      <c r="G1319"/>
      <c r="H1319"/>
      <c r="I1319"/>
      <c r="J1319"/>
    </row>
    <row r="1320" spans="1:10" x14ac:dyDescent="0.25">
      <c r="A1320" s="7"/>
      <c r="B1320" s="23"/>
      <c r="C1320" t="s">
        <v>1799</v>
      </c>
      <c r="D1320" s="23" t="s">
        <v>2241</v>
      </c>
      <c r="E1320" s="1" t="str">
        <f t="shared" si="224"/>
        <v>http://www.sap.com/community/tag.html?id=67837800100800004468</v>
      </c>
      <c r="F1320" s="23" t="s">
        <v>3523</v>
      </c>
      <c r="G1320"/>
      <c r="H1320"/>
      <c r="I1320"/>
      <c r="J1320"/>
    </row>
    <row r="1321" spans="1:10" x14ac:dyDescent="0.25">
      <c r="A1321" s="7"/>
      <c r="B1321" t="s">
        <v>1751</v>
      </c>
      <c r="C1321" s="23"/>
      <c r="D1321" s="7" t="s">
        <v>5032</v>
      </c>
      <c r="E1321" s="1"/>
      <c r="F1321" s="23" t="s">
        <v>3524</v>
      </c>
      <c r="G1321"/>
      <c r="H1321"/>
      <c r="I1321"/>
      <c r="J1321"/>
    </row>
    <row r="1322" spans="1:10" x14ac:dyDescent="0.25">
      <c r="A1322" s="7"/>
      <c r="B1322" s="23"/>
      <c r="C1322" t="s">
        <v>17</v>
      </c>
      <c r="D1322" s="23" t="s">
        <v>2241</v>
      </c>
      <c r="E1322" s="1" t="str">
        <f t="shared" ref="E1322" si="225" xml:space="preserve"> HYPERLINK(CONCATENATE("http://www.sap.com/community/tag.html?id=",$F1322))</f>
        <v>http://www.sap.com/community/tag.html?id=67837800100800006921</v>
      </c>
      <c r="F1322" s="23" t="s">
        <v>3525</v>
      </c>
      <c r="G1322"/>
      <c r="H1322"/>
      <c r="I1322"/>
      <c r="J1322"/>
    </row>
    <row r="1323" spans="1:10" x14ac:dyDescent="0.25">
      <c r="A1323" s="7"/>
      <c r="B1323" t="s">
        <v>319</v>
      </c>
      <c r="C1323" s="23"/>
      <c r="D1323" s="7" t="s">
        <v>5032</v>
      </c>
      <c r="E1323" s="1"/>
      <c r="F1323" s="23" t="s">
        <v>2336</v>
      </c>
      <c r="G1323"/>
      <c r="H1323"/>
      <c r="I1323"/>
      <c r="J1323"/>
    </row>
    <row r="1324" spans="1:10" x14ac:dyDescent="0.25">
      <c r="A1324" s="7"/>
      <c r="B1324" s="23"/>
      <c r="C1324" t="s">
        <v>319</v>
      </c>
      <c r="D1324" s="23" t="s">
        <v>2241</v>
      </c>
      <c r="E1324" s="1" t="str">
        <f t="shared" ref="E1324" si="226" xml:space="preserve"> HYPERLINK(CONCATENATE("http://www.sap.com/community/tag.html?id=",$F1324))</f>
        <v>http://www.sap.com/community/tag.html?id=67838200100800006448</v>
      </c>
      <c r="F1324" s="23" t="s">
        <v>2337</v>
      </c>
      <c r="G1324"/>
      <c r="H1324"/>
      <c r="I1324"/>
      <c r="J1324"/>
    </row>
    <row r="1325" spans="1:10" x14ac:dyDescent="0.25">
      <c r="A1325" s="7"/>
      <c r="B1325" t="s">
        <v>1539</v>
      </c>
      <c r="C1325" s="23"/>
      <c r="D1325" s="7" t="s">
        <v>5032</v>
      </c>
      <c r="E1325" s="1"/>
      <c r="F1325" s="23" t="s">
        <v>3526</v>
      </c>
      <c r="G1325"/>
      <c r="H1325"/>
      <c r="I1325"/>
      <c r="J1325"/>
    </row>
    <row r="1326" spans="1:10" x14ac:dyDescent="0.25">
      <c r="A1326" s="7"/>
      <c r="B1326" s="23"/>
      <c r="C1326" t="s">
        <v>1539</v>
      </c>
      <c r="D1326" s="23" t="s">
        <v>2241</v>
      </c>
      <c r="E1326" s="1" t="str">
        <f t="shared" ref="E1326" si="227" xml:space="preserve"> HYPERLINK(CONCATENATE("http://www.sap.com/community/tag.html?id=",$F1326))</f>
        <v>http://www.sap.com/community/tag.html?id=67837800100800006903</v>
      </c>
      <c r="F1326" s="23" t="s">
        <v>3527</v>
      </c>
      <c r="G1326"/>
      <c r="H1326"/>
      <c r="I1326"/>
      <c r="J1326"/>
    </row>
    <row r="1327" spans="1:10" x14ac:dyDescent="0.25">
      <c r="A1327" s="7"/>
      <c r="B1327" t="s">
        <v>738</v>
      </c>
      <c r="C1327" s="23"/>
      <c r="D1327" s="7" t="s">
        <v>5032</v>
      </c>
      <c r="E1327" s="1"/>
      <c r="F1327" s="23" t="s">
        <v>3528</v>
      </c>
      <c r="G1327"/>
      <c r="H1327"/>
      <c r="I1327"/>
      <c r="J1327"/>
    </row>
    <row r="1328" spans="1:10" x14ac:dyDescent="0.25">
      <c r="A1328" s="7"/>
      <c r="B1328" s="23"/>
      <c r="C1328" t="s">
        <v>738</v>
      </c>
      <c r="D1328" s="23" t="s">
        <v>2241</v>
      </c>
      <c r="E1328" s="1" t="str">
        <f t="shared" ref="E1328" si="228" xml:space="preserve"> HYPERLINK(CONCATENATE("http://www.sap.com/community/tag.html?id=",$F1328))</f>
        <v>http://www.sap.com/community/tag.html?id=01200615320800000243</v>
      </c>
      <c r="F1328" s="23" t="s">
        <v>3529</v>
      </c>
      <c r="G1328"/>
      <c r="H1328"/>
      <c r="I1328"/>
      <c r="J1328"/>
    </row>
    <row r="1329" spans="1:10" x14ac:dyDescent="0.25">
      <c r="A1329" s="7"/>
      <c r="B1329" t="s">
        <v>1981</v>
      </c>
      <c r="C1329" s="23"/>
      <c r="D1329" s="7" t="s">
        <v>5032</v>
      </c>
      <c r="E1329" s="1"/>
      <c r="F1329" s="23" t="s">
        <v>3530</v>
      </c>
      <c r="G1329"/>
      <c r="H1329"/>
      <c r="I1329"/>
      <c r="J1329"/>
    </row>
    <row r="1330" spans="1:10" x14ac:dyDescent="0.25">
      <c r="A1330" s="7"/>
      <c r="B1330"/>
      <c r="C1330" s="23" t="s">
        <v>1981</v>
      </c>
      <c r="D1330" s="23" t="s">
        <v>2241</v>
      </c>
      <c r="E1330" s="1" t="str">
        <f t="shared" ref="E1330" si="229" xml:space="preserve"> HYPERLINK(CONCATENATE("http://www.sap.com/community/tag.html?id=",$F1330))</f>
        <v>http://www.sap.com/community/tag.html?id=67838200100800006885</v>
      </c>
      <c r="F1330" s="23" t="s">
        <v>3531</v>
      </c>
      <c r="G1330"/>
      <c r="H1330"/>
      <c r="I1330"/>
      <c r="J1330"/>
    </row>
    <row r="1331" spans="1:10" x14ac:dyDescent="0.25">
      <c r="A1331" s="7"/>
      <c r="B1331" s="23" t="s">
        <v>1393</v>
      </c>
      <c r="C1331"/>
      <c r="D1331" s="7" t="s">
        <v>5032</v>
      </c>
      <c r="E1331" s="1"/>
      <c r="F1331" s="23" t="s">
        <v>3532</v>
      </c>
      <c r="G1331"/>
      <c r="H1331"/>
      <c r="I1331"/>
      <c r="J1331"/>
    </row>
    <row r="1332" spans="1:10" x14ac:dyDescent="0.25">
      <c r="A1332" s="7"/>
      <c r="B1332"/>
      <c r="C1332" s="23" t="s">
        <v>1393</v>
      </c>
      <c r="D1332" s="23" t="s">
        <v>2241</v>
      </c>
      <c r="E1332" s="1" t="str">
        <f t="shared" ref="E1332" si="230" xml:space="preserve"> HYPERLINK(CONCATENATE("http://www.sap.com/community/tag.html?id=",$F1332))</f>
        <v>http://www.sap.com/community/tag.html?id=01200314690800000124</v>
      </c>
      <c r="F1332" s="23" t="s">
        <v>3533</v>
      </c>
      <c r="G1332"/>
      <c r="H1332"/>
      <c r="I1332"/>
      <c r="J1332"/>
    </row>
    <row r="1333" spans="1:10" x14ac:dyDescent="0.25">
      <c r="A1333" s="7"/>
      <c r="B1333" s="23" t="s">
        <v>588</v>
      </c>
      <c r="C1333"/>
      <c r="D1333" s="7" t="s">
        <v>5032</v>
      </c>
      <c r="E1333" s="1"/>
      <c r="F1333" s="23" t="s">
        <v>3534</v>
      </c>
      <c r="G1333"/>
      <c r="H1333"/>
      <c r="I1333"/>
      <c r="J1333"/>
    </row>
    <row r="1334" spans="1:10" x14ac:dyDescent="0.25">
      <c r="A1334" s="7"/>
      <c r="B1334"/>
      <c r="C1334" s="23" t="s">
        <v>588</v>
      </c>
      <c r="D1334" s="23" t="s">
        <v>2241</v>
      </c>
      <c r="E1334" s="1" t="str">
        <f t="shared" ref="E1334:E1335" si="231" xml:space="preserve"> HYPERLINK(CONCATENATE("http://www.sap.com/community/tag.html?id=",$F1334))</f>
        <v>http://www.sap.com/community/tag.html?id=01200314690800002338</v>
      </c>
      <c r="F1334" s="23" t="s">
        <v>3535</v>
      </c>
      <c r="G1334"/>
      <c r="H1334"/>
      <c r="I1334"/>
      <c r="J1334"/>
    </row>
    <row r="1335" spans="1:10" x14ac:dyDescent="0.25">
      <c r="A1335" s="7"/>
      <c r="B1335" s="23"/>
      <c r="C1335" t="s">
        <v>441</v>
      </c>
      <c r="D1335" s="23" t="s">
        <v>2241</v>
      </c>
      <c r="E1335" s="1" t="str">
        <f t="shared" si="231"/>
        <v>http://www.sap.com/community/tag.html?id=01200314690800002589</v>
      </c>
      <c r="F1335" s="23" t="s">
        <v>3536</v>
      </c>
      <c r="G1335"/>
      <c r="H1335"/>
      <c r="I1335"/>
      <c r="J1335"/>
    </row>
    <row r="1336" spans="1:10" x14ac:dyDescent="0.25">
      <c r="A1336" s="7"/>
      <c r="B1336" t="s">
        <v>146</v>
      </c>
      <c r="C1336" s="23"/>
      <c r="D1336" s="7" t="s">
        <v>5032</v>
      </c>
      <c r="E1336" s="1"/>
      <c r="F1336" s="23" t="s">
        <v>3537</v>
      </c>
      <c r="G1336"/>
      <c r="H1336"/>
      <c r="I1336"/>
      <c r="J1336"/>
    </row>
    <row r="1337" spans="1:10" x14ac:dyDescent="0.25">
      <c r="A1337" s="7"/>
      <c r="B1337"/>
      <c r="C1337" s="23" t="s">
        <v>146</v>
      </c>
      <c r="D1337" s="23" t="s">
        <v>2241</v>
      </c>
      <c r="E1337" s="1" t="str">
        <f t="shared" ref="E1337" si="232" xml:space="preserve"> HYPERLINK(CONCATENATE("http://www.sap.com/community/tag.html?id=",$F1337))</f>
        <v>http://www.sap.com/community/tag.html?id=01200314690800000667</v>
      </c>
      <c r="F1337" s="23" t="s">
        <v>3538</v>
      </c>
      <c r="G1337"/>
      <c r="H1337"/>
      <c r="I1337"/>
      <c r="J1337"/>
    </row>
    <row r="1338" spans="1:10" x14ac:dyDescent="0.25">
      <c r="A1338" s="7"/>
      <c r="B1338" t="s">
        <v>5380</v>
      </c>
      <c r="C1338" s="23"/>
      <c r="D1338" s="7" t="s">
        <v>5032</v>
      </c>
      <c r="E1338" s="1"/>
      <c r="F1338" s="23" t="s">
        <v>5344</v>
      </c>
      <c r="G1338"/>
      <c r="H1338"/>
      <c r="I1338"/>
      <c r="J1338"/>
    </row>
    <row r="1339" spans="1:10" x14ac:dyDescent="0.25">
      <c r="A1339" s="7"/>
      <c r="B1339" s="23"/>
      <c r="C1339" t="s">
        <v>5380</v>
      </c>
      <c r="D1339" s="23" t="s">
        <v>2241</v>
      </c>
      <c r="E1339" s="1" t="str">
        <f t="shared" ref="E1339" si="233" xml:space="preserve"> HYPERLINK(CONCATENATE("http://www.sap.com/community/tag.html?id=",$F1339))</f>
        <v>http://www.sap.com/community/tag.html?id=73554900100800000691</v>
      </c>
      <c r="F1339" s="23" t="s">
        <v>5345</v>
      </c>
      <c r="G1339"/>
      <c r="H1339"/>
      <c r="I1339"/>
      <c r="J1339"/>
    </row>
    <row r="1340" spans="1:10" x14ac:dyDescent="0.25">
      <c r="A1340" s="7"/>
      <c r="B1340" t="s">
        <v>692</v>
      </c>
      <c r="C1340" s="23"/>
      <c r="D1340" s="7" t="s">
        <v>5032</v>
      </c>
      <c r="E1340" s="1"/>
      <c r="F1340" s="23" t="s">
        <v>3539</v>
      </c>
      <c r="G1340"/>
      <c r="H1340"/>
      <c r="I1340"/>
      <c r="J1340"/>
    </row>
    <row r="1341" spans="1:10" x14ac:dyDescent="0.25">
      <c r="A1341" s="7"/>
      <c r="B1341" s="23"/>
      <c r="C1341" t="s">
        <v>1336</v>
      </c>
      <c r="D1341" s="23" t="s">
        <v>2241</v>
      </c>
      <c r="E1341" s="1" t="str">
        <f t="shared" ref="E1341:E1343" si="234" xml:space="preserve"> HYPERLINK(CONCATENATE("http://www.sap.com/community/tag.html?id=",$F1341))</f>
        <v>http://www.sap.com/community/tag.html?id=01200615320800003830</v>
      </c>
      <c r="F1341" s="23" t="s">
        <v>3540</v>
      </c>
      <c r="G1341"/>
      <c r="H1341"/>
      <c r="I1341"/>
      <c r="J1341"/>
    </row>
    <row r="1342" spans="1:10" x14ac:dyDescent="0.25">
      <c r="A1342" s="7"/>
      <c r="B1342"/>
      <c r="C1342" s="23" t="s">
        <v>2018</v>
      </c>
      <c r="D1342" s="23" t="s">
        <v>2241</v>
      </c>
      <c r="E1342" s="1" t="str">
        <f t="shared" si="234"/>
        <v>http://www.sap.com/community/tag.html?id=67837800100800004877</v>
      </c>
      <c r="F1342" s="23" t="s">
        <v>3541</v>
      </c>
      <c r="G1342"/>
      <c r="H1342"/>
      <c r="I1342"/>
      <c r="J1342"/>
    </row>
    <row r="1343" spans="1:10" x14ac:dyDescent="0.25">
      <c r="A1343" s="7"/>
      <c r="B1343"/>
      <c r="C1343" s="23" t="s">
        <v>99</v>
      </c>
      <c r="D1343" s="23" t="s">
        <v>2241</v>
      </c>
      <c r="E1343" s="1" t="str">
        <f t="shared" si="234"/>
        <v>http://www.sap.com/community/tag.html?id=01200615320800003842</v>
      </c>
      <c r="F1343" s="23" t="s">
        <v>3542</v>
      </c>
      <c r="G1343"/>
      <c r="H1343"/>
      <c r="I1343"/>
      <c r="J1343"/>
    </row>
    <row r="1344" spans="1:10" x14ac:dyDescent="0.25">
      <c r="A1344" s="7"/>
      <c r="B1344" s="23" t="s">
        <v>2069</v>
      </c>
      <c r="C1344"/>
      <c r="D1344" s="7" t="s">
        <v>5032</v>
      </c>
      <c r="E1344" s="1"/>
      <c r="F1344" s="23" t="s">
        <v>3543</v>
      </c>
      <c r="G1344"/>
      <c r="H1344"/>
      <c r="I1344"/>
      <c r="J1344"/>
    </row>
    <row r="1345" spans="1:10" x14ac:dyDescent="0.25">
      <c r="A1345" s="7"/>
      <c r="B1345"/>
      <c r="C1345" s="23" t="s">
        <v>1633</v>
      </c>
      <c r="D1345" s="23" t="s">
        <v>2241</v>
      </c>
      <c r="E1345" s="1" t="str">
        <f t="shared" ref="E1345" si="235" xml:space="preserve"> HYPERLINK(CONCATENATE("http://www.sap.com/community/tag.html?id=",$F1345))</f>
        <v>http://www.sap.com/community/tag.html?id=67838200100800004354</v>
      </c>
      <c r="F1345" s="23" t="s">
        <v>3544</v>
      </c>
      <c r="G1345"/>
      <c r="H1345"/>
      <c r="I1345"/>
      <c r="J1345"/>
    </row>
    <row r="1346" spans="1:10" x14ac:dyDescent="0.25">
      <c r="A1346" s="7"/>
      <c r="B1346" s="23" t="s">
        <v>1191</v>
      </c>
      <c r="C1346"/>
      <c r="D1346" s="7" t="s">
        <v>5032</v>
      </c>
      <c r="E1346" s="1"/>
      <c r="F1346" s="23" t="s">
        <v>3545</v>
      </c>
      <c r="G1346"/>
      <c r="H1346"/>
      <c r="I1346"/>
      <c r="J1346"/>
    </row>
    <row r="1347" spans="1:10" x14ac:dyDescent="0.25">
      <c r="A1347" s="7"/>
      <c r="B1347"/>
      <c r="C1347" s="23" t="s">
        <v>1191</v>
      </c>
      <c r="D1347" s="23" t="s">
        <v>2241</v>
      </c>
      <c r="E1347" s="1" t="str">
        <f t="shared" ref="E1347:E1348" si="236" xml:space="preserve"> HYPERLINK(CONCATENATE("http://www.sap.com/community/tag.html?id=",$F1347))</f>
        <v>http://www.sap.com/community/tag.html?id=01200615320800000706</v>
      </c>
      <c r="F1347" s="23" t="s">
        <v>3546</v>
      </c>
      <c r="G1347"/>
      <c r="H1347"/>
      <c r="I1347"/>
      <c r="J1347"/>
    </row>
    <row r="1348" spans="1:10" x14ac:dyDescent="0.25">
      <c r="A1348" s="7"/>
      <c r="B1348" s="23"/>
      <c r="C1348" t="s">
        <v>1563</v>
      </c>
      <c r="D1348" s="23" t="s">
        <v>2241</v>
      </c>
      <c r="E1348" s="1" t="str">
        <f t="shared" si="236"/>
        <v>http://www.sap.com/community/tag.html?id=73554900100800000472</v>
      </c>
      <c r="F1348" s="23" t="s">
        <v>3547</v>
      </c>
      <c r="G1348"/>
      <c r="H1348"/>
      <c r="I1348"/>
      <c r="J1348"/>
    </row>
    <row r="1349" spans="1:10" x14ac:dyDescent="0.25">
      <c r="A1349" s="7"/>
      <c r="B1349" t="s">
        <v>1305</v>
      </c>
      <c r="C1349" s="23"/>
      <c r="D1349" s="7" t="s">
        <v>5032</v>
      </c>
      <c r="E1349" s="1"/>
      <c r="F1349" s="23" t="s">
        <v>3551</v>
      </c>
      <c r="G1349"/>
      <c r="H1349"/>
      <c r="I1349"/>
      <c r="J1349"/>
    </row>
    <row r="1350" spans="1:10" x14ac:dyDescent="0.25">
      <c r="A1350" s="7"/>
      <c r="B1350" s="23"/>
      <c r="C1350" t="s">
        <v>1305</v>
      </c>
      <c r="D1350" s="23" t="s">
        <v>2241</v>
      </c>
      <c r="E1350" s="1" t="str">
        <f t="shared" ref="E1350" si="237" xml:space="preserve"> HYPERLINK(CONCATENATE("http://www.sap.com/community/tag.html?id=",$F1350))</f>
        <v>http://www.sap.com/community/tag.html?id=01200615320800002961</v>
      </c>
      <c r="F1350" s="23" t="s">
        <v>3552</v>
      </c>
      <c r="G1350"/>
      <c r="H1350"/>
      <c r="I1350"/>
      <c r="J1350"/>
    </row>
    <row r="1351" spans="1:10" x14ac:dyDescent="0.25">
      <c r="A1351" s="7"/>
      <c r="B1351" t="s">
        <v>168</v>
      </c>
      <c r="C1351" s="23"/>
      <c r="D1351" s="7" t="s">
        <v>5032</v>
      </c>
      <c r="E1351" s="1"/>
      <c r="F1351" s="23" t="s">
        <v>3553</v>
      </c>
      <c r="G1351"/>
      <c r="H1351"/>
      <c r="I1351"/>
      <c r="J1351"/>
    </row>
    <row r="1352" spans="1:10" x14ac:dyDescent="0.25">
      <c r="A1352" s="7"/>
      <c r="B1352"/>
      <c r="C1352" s="23" t="s">
        <v>168</v>
      </c>
      <c r="D1352" s="23" t="s">
        <v>2241</v>
      </c>
      <c r="E1352" s="1" t="str">
        <f t="shared" ref="E1352" si="238" xml:space="preserve"> HYPERLINK(CONCATENATE("http://www.sap.com/community/tag.html?id=",$F1352))</f>
        <v>http://www.sap.com/community/tag.html?id=01200314690800001893</v>
      </c>
      <c r="F1352" s="23" t="s">
        <v>3554</v>
      </c>
      <c r="G1352"/>
      <c r="H1352"/>
      <c r="I1352"/>
      <c r="J1352"/>
    </row>
    <row r="1353" spans="1:10" x14ac:dyDescent="0.25">
      <c r="A1353" s="7"/>
      <c r="B1353" s="23" t="s">
        <v>1651</v>
      </c>
      <c r="C1353"/>
      <c r="D1353" s="7" t="s">
        <v>5032</v>
      </c>
      <c r="E1353" s="1"/>
      <c r="F1353" s="23" t="s">
        <v>3555</v>
      </c>
      <c r="G1353"/>
      <c r="H1353"/>
      <c r="I1353"/>
      <c r="J1353"/>
    </row>
    <row r="1354" spans="1:10" x14ac:dyDescent="0.25">
      <c r="A1354" s="7"/>
      <c r="B1354"/>
      <c r="C1354" s="23" t="s">
        <v>1651</v>
      </c>
      <c r="D1354" s="23" t="s">
        <v>2241</v>
      </c>
      <c r="E1354" s="1" t="str">
        <f t="shared" ref="E1354" si="239" xml:space="preserve"> HYPERLINK(CONCATENATE("http://www.sap.com/community/tag.html?id=",$F1354))</f>
        <v>http://www.sap.com/community/tag.html?id=01200314690800000168</v>
      </c>
      <c r="F1354" s="23" t="s">
        <v>3556</v>
      </c>
      <c r="G1354"/>
      <c r="H1354"/>
      <c r="I1354"/>
      <c r="J1354"/>
    </row>
    <row r="1355" spans="1:10" x14ac:dyDescent="0.25">
      <c r="A1355" s="7"/>
      <c r="B1355" s="23" t="s">
        <v>316</v>
      </c>
      <c r="C1355"/>
      <c r="D1355" s="7" t="s">
        <v>5032</v>
      </c>
      <c r="E1355" s="1"/>
      <c r="F1355" s="23" t="s">
        <v>3557</v>
      </c>
      <c r="G1355"/>
      <c r="H1355"/>
      <c r="I1355"/>
      <c r="J1355"/>
    </row>
    <row r="1356" spans="1:10" x14ac:dyDescent="0.25">
      <c r="A1356" s="7"/>
      <c r="B1356"/>
      <c r="C1356" s="23" t="s">
        <v>316</v>
      </c>
      <c r="D1356" s="23" t="s">
        <v>2241</v>
      </c>
      <c r="E1356" s="1" t="str">
        <f t="shared" ref="E1356:E1357" si="240" xml:space="preserve"> HYPERLINK(CONCATENATE("http://www.sap.com/community/tag.html?id=",$F1356))</f>
        <v>http://www.sap.com/community/tag.html?id=01200615320800000452</v>
      </c>
      <c r="F1356" s="23" t="s">
        <v>3558</v>
      </c>
      <c r="G1356"/>
      <c r="H1356"/>
      <c r="I1356"/>
      <c r="J1356"/>
    </row>
    <row r="1357" spans="1:10" x14ac:dyDescent="0.25">
      <c r="A1357" s="7"/>
      <c r="B1357" s="23"/>
      <c r="C1357" t="s">
        <v>1416</v>
      </c>
      <c r="D1357" s="23" t="s">
        <v>2241</v>
      </c>
      <c r="E1357" s="1" t="str">
        <f t="shared" si="240"/>
        <v>http://www.sap.com/community/tag.html?id=01200314690800001224</v>
      </c>
      <c r="F1357" s="23" t="s">
        <v>3559</v>
      </c>
      <c r="G1357"/>
      <c r="H1357"/>
      <c r="I1357"/>
      <c r="J1357"/>
    </row>
    <row r="1358" spans="1:10" x14ac:dyDescent="0.25">
      <c r="A1358" s="7"/>
      <c r="B1358" t="s">
        <v>752</v>
      </c>
      <c r="C1358" s="23"/>
      <c r="D1358" s="7" t="s">
        <v>5032</v>
      </c>
      <c r="E1358" s="1"/>
      <c r="F1358" s="23" t="s">
        <v>3560</v>
      </c>
      <c r="G1358"/>
      <c r="H1358"/>
      <c r="I1358"/>
      <c r="J1358"/>
    </row>
    <row r="1359" spans="1:10" x14ac:dyDescent="0.25">
      <c r="A1359" s="7"/>
      <c r="B1359"/>
      <c r="C1359" s="23" t="s">
        <v>1143</v>
      </c>
      <c r="D1359" s="23" t="s">
        <v>2241</v>
      </c>
      <c r="E1359" s="1" t="str">
        <f t="shared" ref="E1359" si="241" xml:space="preserve"> HYPERLINK(CONCATENATE("http://www.sap.com/community/tag.html?id=",$F1359))</f>
        <v>http://www.sap.com/community/tag.html?id=01200314690800002317</v>
      </c>
      <c r="F1359" s="23" t="s">
        <v>3561</v>
      </c>
      <c r="G1359"/>
      <c r="H1359"/>
      <c r="I1359"/>
      <c r="J1359"/>
    </row>
    <row r="1360" spans="1:10" x14ac:dyDescent="0.25">
      <c r="A1360" s="7"/>
      <c r="B1360" t="s">
        <v>1119</v>
      </c>
      <c r="C1360" s="23"/>
      <c r="D1360" s="7" t="s">
        <v>5032</v>
      </c>
      <c r="E1360" s="1"/>
      <c r="F1360" s="23" t="s">
        <v>3562</v>
      </c>
      <c r="G1360"/>
      <c r="H1360"/>
      <c r="I1360"/>
      <c r="J1360"/>
    </row>
    <row r="1361" spans="1:10" x14ac:dyDescent="0.25">
      <c r="A1361" s="7"/>
      <c r="B1361" s="23"/>
      <c r="C1361" t="s">
        <v>1119</v>
      </c>
      <c r="D1361" s="23" t="s">
        <v>2241</v>
      </c>
      <c r="E1361" s="1" t="str">
        <f t="shared" ref="E1361" si="242" xml:space="preserve"> HYPERLINK(CONCATENATE("http://www.sap.com/community/tag.html?id=",$F1361))</f>
        <v>http://www.sap.com/community/tag.html?id=01200615320800000560</v>
      </c>
      <c r="F1361" s="23" t="s">
        <v>3563</v>
      </c>
      <c r="G1361"/>
      <c r="H1361"/>
      <c r="I1361"/>
      <c r="J1361"/>
    </row>
    <row r="1362" spans="1:10" x14ac:dyDescent="0.25">
      <c r="A1362" s="7"/>
      <c r="B1362" t="s">
        <v>2095</v>
      </c>
      <c r="C1362" s="23"/>
      <c r="D1362" s="7" t="s">
        <v>5032</v>
      </c>
      <c r="E1362" s="1"/>
      <c r="F1362" s="23" t="s">
        <v>3564</v>
      </c>
      <c r="G1362"/>
      <c r="H1362"/>
      <c r="I1362"/>
      <c r="J1362"/>
    </row>
    <row r="1363" spans="1:10" x14ac:dyDescent="0.25">
      <c r="A1363" s="7"/>
      <c r="B1363" s="23"/>
      <c r="C1363" t="s">
        <v>2095</v>
      </c>
      <c r="D1363" s="23" t="s">
        <v>2241</v>
      </c>
      <c r="E1363" s="1" t="str">
        <f t="shared" ref="E1363:E1365" si="243" xml:space="preserve"> HYPERLINK(CONCATENATE("http://www.sap.com/community/tag.html?id=",$F1363))</f>
        <v>http://www.sap.com/community/tag.html?id=67838200100800006777</v>
      </c>
      <c r="F1363" s="23" t="s">
        <v>3565</v>
      </c>
      <c r="G1363"/>
      <c r="H1363"/>
      <c r="I1363"/>
      <c r="J1363"/>
    </row>
    <row r="1364" spans="1:10" x14ac:dyDescent="0.25">
      <c r="A1364" s="7"/>
      <c r="B1364"/>
      <c r="C1364" s="23" t="s">
        <v>884</v>
      </c>
      <c r="D1364" s="23" t="s">
        <v>2241</v>
      </c>
      <c r="E1364" s="1" t="str">
        <f t="shared" si="243"/>
        <v>http://www.sap.com/community/tag.html?id=67838200100800006778</v>
      </c>
      <c r="F1364" s="23" t="s">
        <v>3566</v>
      </c>
      <c r="G1364"/>
      <c r="H1364"/>
      <c r="I1364"/>
      <c r="J1364"/>
    </row>
    <row r="1365" spans="1:10" x14ac:dyDescent="0.25">
      <c r="A1365" s="7"/>
      <c r="B1365" s="23"/>
      <c r="C1365" t="s">
        <v>1704</v>
      </c>
      <c r="D1365" s="23" t="s">
        <v>2241</v>
      </c>
      <c r="E1365" s="1" t="str">
        <f t="shared" si="243"/>
        <v>http://www.sap.com/community/tag.html?id=67838200100800006779</v>
      </c>
      <c r="F1365" s="23" t="s">
        <v>3567</v>
      </c>
      <c r="G1365"/>
      <c r="H1365"/>
      <c r="I1365"/>
      <c r="J1365"/>
    </row>
    <row r="1366" spans="1:10" x14ac:dyDescent="0.25">
      <c r="A1366" s="7"/>
      <c r="B1366" t="s">
        <v>872</v>
      </c>
      <c r="C1366" s="23"/>
      <c r="D1366" s="7" t="s">
        <v>5032</v>
      </c>
      <c r="E1366" s="1"/>
      <c r="F1366" s="23" t="s">
        <v>3568</v>
      </c>
      <c r="G1366"/>
      <c r="H1366"/>
      <c r="I1366"/>
      <c r="J1366"/>
    </row>
    <row r="1367" spans="1:10" x14ac:dyDescent="0.25">
      <c r="A1367" s="7"/>
      <c r="B1367" s="23"/>
      <c r="C1367" t="s">
        <v>872</v>
      </c>
      <c r="D1367" s="23" t="s">
        <v>2241</v>
      </c>
      <c r="E1367" s="1" t="str">
        <f t="shared" ref="E1367" si="244" xml:space="preserve"> HYPERLINK(CONCATENATE("http://www.sap.com/community/tag.html?id=",$F1367))</f>
        <v>http://www.sap.com/community/tag.html?id=67837800100800005569</v>
      </c>
      <c r="F1367" s="23" t="s">
        <v>3569</v>
      </c>
      <c r="G1367"/>
      <c r="H1367"/>
      <c r="I1367"/>
      <c r="J1367"/>
    </row>
    <row r="1368" spans="1:10" x14ac:dyDescent="0.25">
      <c r="A1368" s="7"/>
      <c r="B1368" t="s">
        <v>1090</v>
      </c>
      <c r="C1368" s="23"/>
      <c r="D1368" s="7" t="s">
        <v>5032</v>
      </c>
      <c r="E1368" s="1"/>
      <c r="F1368" s="23" t="s">
        <v>3570</v>
      </c>
      <c r="G1368"/>
      <c r="H1368"/>
      <c r="I1368"/>
      <c r="J1368"/>
    </row>
    <row r="1369" spans="1:10" x14ac:dyDescent="0.25">
      <c r="A1369" s="7"/>
      <c r="B1369"/>
      <c r="C1369" s="23" t="s">
        <v>1090</v>
      </c>
      <c r="D1369" s="23" t="s">
        <v>2241</v>
      </c>
      <c r="E1369" s="1" t="str">
        <f t="shared" ref="E1369" si="245" xml:space="preserve"> HYPERLINK(CONCATENATE("http://www.sap.com/community/tag.html?id=",$F1369))</f>
        <v>http://www.sap.com/community/tag.html?id=73555000100800000103</v>
      </c>
      <c r="F1369" s="23" t="s">
        <v>3571</v>
      </c>
      <c r="G1369"/>
      <c r="H1369"/>
      <c r="I1369"/>
      <c r="J1369"/>
    </row>
    <row r="1370" spans="1:10" x14ac:dyDescent="0.25">
      <c r="A1370" s="7"/>
      <c r="B1370" s="23" t="s">
        <v>903</v>
      </c>
      <c r="C1370"/>
      <c r="D1370" s="7" t="s">
        <v>5032</v>
      </c>
      <c r="E1370" s="1"/>
      <c r="F1370" s="23" t="s">
        <v>3572</v>
      </c>
      <c r="G1370"/>
      <c r="H1370"/>
      <c r="I1370"/>
      <c r="J1370"/>
    </row>
    <row r="1371" spans="1:10" x14ac:dyDescent="0.25">
      <c r="A1371" s="7"/>
      <c r="B1371"/>
      <c r="C1371" s="23" t="s">
        <v>903</v>
      </c>
      <c r="D1371" s="23" t="s">
        <v>2241</v>
      </c>
      <c r="E1371" s="1" t="str">
        <f t="shared" ref="E1371" si="246" xml:space="preserve"> HYPERLINK(CONCATENATE("http://www.sap.com/community/tag.html?id=",$F1371))</f>
        <v>http://www.sap.com/community/tag.html?id=73555000100800000092</v>
      </c>
      <c r="F1371" s="23" t="s">
        <v>3573</v>
      </c>
      <c r="G1371"/>
      <c r="H1371"/>
      <c r="I1371"/>
      <c r="J1371"/>
    </row>
    <row r="1372" spans="1:10" x14ac:dyDescent="0.25">
      <c r="A1372" s="7"/>
      <c r="B1372" t="s">
        <v>1466</v>
      </c>
      <c r="C1372" s="23"/>
      <c r="D1372" s="7" t="s">
        <v>5032</v>
      </c>
      <c r="E1372" s="1"/>
      <c r="F1372" s="23" t="s">
        <v>3574</v>
      </c>
      <c r="G1372"/>
      <c r="H1372"/>
      <c r="I1372"/>
      <c r="J1372"/>
    </row>
    <row r="1373" spans="1:10" x14ac:dyDescent="0.25">
      <c r="A1373" s="7"/>
      <c r="B1373"/>
      <c r="C1373" s="23" t="s">
        <v>1466</v>
      </c>
      <c r="D1373" s="23" t="s">
        <v>2241</v>
      </c>
      <c r="E1373" s="1" t="str">
        <f t="shared" ref="E1373:E1374" si="247" xml:space="preserve"> HYPERLINK(CONCATENATE("http://www.sap.com/community/tag.html?id=",$F1373))</f>
        <v>http://www.sap.com/community/tag.html?id=01200615320800003393</v>
      </c>
      <c r="F1373" s="23" t="s">
        <v>3575</v>
      </c>
      <c r="G1373"/>
      <c r="H1373"/>
      <c r="I1373"/>
      <c r="J1373"/>
    </row>
    <row r="1374" spans="1:10" x14ac:dyDescent="0.25">
      <c r="A1374" s="7"/>
      <c r="B1374"/>
      <c r="C1374" s="23" t="s">
        <v>663</v>
      </c>
      <c r="D1374" s="23" t="s">
        <v>2241</v>
      </c>
      <c r="E1374" s="1" t="str">
        <f t="shared" si="247"/>
        <v>http://www.sap.com/community/tag.html?id=67837800100800007347</v>
      </c>
      <c r="F1374" s="23" t="s">
        <v>3576</v>
      </c>
      <c r="G1374"/>
      <c r="H1374"/>
      <c r="I1374"/>
      <c r="J1374"/>
    </row>
    <row r="1375" spans="1:10" x14ac:dyDescent="0.25">
      <c r="A1375" s="7"/>
      <c r="B1375" t="s">
        <v>1098</v>
      </c>
      <c r="C1375" s="23"/>
      <c r="D1375" s="7" t="s">
        <v>5032</v>
      </c>
      <c r="E1375" s="1"/>
      <c r="F1375" s="23" t="s">
        <v>3577</v>
      </c>
      <c r="G1375"/>
      <c r="H1375"/>
      <c r="I1375"/>
      <c r="J1375"/>
    </row>
    <row r="1376" spans="1:10" x14ac:dyDescent="0.25">
      <c r="A1376" s="7"/>
      <c r="B1376"/>
      <c r="C1376" s="23" t="s">
        <v>2120</v>
      </c>
      <c r="D1376" s="23" t="s">
        <v>2241</v>
      </c>
      <c r="E1376" s="1" t="str">
        <f t="shared" ref="E1376:E1383" si="248" xml:space="preserve"> HYPERLINK(CONCATENATE("http://www.sap.com/community/tag.html?id=",$F1376))</f>
        <v>http://www.sap.com/community/tag.html?id=01200615320800001753</v>
      </c>
      <c r="F1376" s="23" t="s">
        <v>3578</v>
      </c>
      <c r="G1376"/>
      <c r="H1376"/>
      <c r="I1376"/>
      <c r="J1376"/>
    </row>
    <row r="1377" spans="1:10" x14ac:dyDescent="0.25">
      <c r="A1377" s="7"/>
      <c r="B1377"/>
      <c r="C1377" s="23" t="s">
        <v>1390</v>
      </c>
      <c r="D1377" s="23" t="s">
        <v>2241</v>
      </c>
      <c r="E1377" s="1" t="str">
        <f t="shared" si="248"/>
        <v>http://www.sap.com/community/tag.html?id=01200314690800000355</v>
      </c>
      <c r="F1377" s="23" t="s">
        <v>3579</v>
      </c>
      <c r="G1377"/>
      <c r="H1377"/>
      <c r="I1377"/>
      <c r="J1377"/>
    </row>
    <row r="1378" spans="1:10" x14ac:dyDescent="0.25">
      <c r="A1378" s="7"/>
      <c r="B1378"/>
      <c r="C1378" s="23" t="s">
        <v>1098</v>
      </c>
      <c r="D1378" s="23" t="s">
        <v>2241</v>
      </c>
      <c r="E1378" s="1" t="str">
        <f t="shared" si="248"/>
        <v>http://www.sap.com/community/tag.html?id=01200314690800000356</v>
      </c>
      <c r="F1378" s="23" t="s">
        <v>3580</v>
      </c>
      <c r="G1378"/>
      <c r="H1378"/>
      <c r="I1378"/>
      <c r="J1378"/>
    </row>
    <row r="1379" spans="1:10" x14ac:dyDescent="0.25">
      <c r="A1379" s="7"/>
      <c r="B1379" s="23"/>
      <c r="C1379" t="s">
        <v>69</v>
      </c>
      <c r="D1379" s="23" t="s">
        <v>2241</v>
      </c>
      <c r="E1379" s="1" t="str">
        <f t="shared" si="248"/>
        <v>http://www.sap.com/community/tag.html?id=01200314690800000399</v>
      </c>
      <c r="F1379" s="23" t="s">
        <v>3581</v>
      </c>
      <c r="G1379"/>
      <c r="H1379"/>
      <c r="I1379"/>
      <c r="J1379"/>
    </row>
    <row r="1380" spans="1:10" x14ac:dyDescent="0.25">
      <c r="A1380" s="7"/>
      <c r="B1380"/>
      <c r="C1380" s="23" t="s">
        <v>1991</v>
      </c>
      <c r="D1380" s="23" t="s">
        <v>2241</v>
      </c>
      <c r="E1380" s="1" t="str">
        <f t="shared" si="248"/>
        <v>http://www.sap.com/community/tag.html?id=01200314690800000401</v>
      </c>
      <c r="F1380" s="23" t="s">
        <v>3582</v>
      </c>
      <c r="G1380"/>
      <c r="H1380"/>
      <c r="I1380"/>
      <c r="J1380"/>
    </row>
    <row r="1381" spans="1:10" x14ac:dyDescent="0.25">
      <c r="A1381" s="7"/>
      <c r="B1381" s="23"/>
      <c r="C1381" t="s">
        <v>1226</v>
      </c>
      <c r="D1381" s="23" t="s">
        <v>2241</v>
      </c>
      <c r="E1381" s="1" t="str">
        <f t="shared" si="248"/>
        <v>http://www.sap.com/community/tag.html?id=01200314690800000365</v>
      </c>
      <c r="F1381" s="23" t="s">
        <v>3583</v>
      </c>
      <c r="G1381"/>
      <c r="H1381"/>
      <c r="I1381"/>
      <c r="J1381"/>
    </row>
    <row r="1382" spans="1:10" x14ac:dyDescent="0.25">
      <c r="A1382" s="7"/>
      <c r="B1382"/>
      <c r="C1382" s="23" t="s">
        <v>1643</v>
      </c>
      <c r="D1382" s="23" t="s">
        <v>2241</v>
      </c>
      <c r="E1382" s="1" t="str">
        <f t="shared" si="248"/>
        <v>http://www.sap.com/community/tag.html?id=01200314690800000687</v>
      </c>
      <c r="F1382" s="23" t="s">
        <v>3584</v>
      </c>
      <c r="G1382"/>
      <c r="H1382"/>
      <c r="I1382"/>
      <c r="J1382"/>
    </row>
    <row r="1383" spans="1:10" x14ac:dyDescent="0.25">
      <c r="A1383" s="7"/>
      <c r="B1383"/>
      <c r="C1383" s="23" t="s">
        <v>1955</v>
      </c>
      <c r="D1383" s="23" t="s">
        <v>2241</v>
      </c>
      <c r="E1383" s="1" t="str">
        <f t="shared" si="248"/>
        <v>http://www.sap.com/community/tag.html?id=01200314690800000402</v>
      </c>
      <c r="F1383" s="23" t="s">
        <v>3585</v>
      </c>
      <c r="G1383"/>
      <c r="H1383"/>
      <c r="I1383"/>
      <c r="J1383"/>
    </row>
    <row r="1384" spans="1:10" x14ac:dyDescent="0.25">
      <c r="A1384" s="7"/>
      <c r="B1384" t="s">
        <v>712</v>
      </c>
      <c r="C1384" s="23"/>
      <c r="D1384" s="7" t="s">
        <v>5032</v>
      </c>
      <c r="E1384" s="1"/>
      <c r="F1384" s="23" t="s">
        <v>3586</v>
      </c>
      <c r="G1384"/>
      <c r="H1384"/>
      <c r="I1384"/>
      <c r="J1384"/>
    </row>
    <row r="1385" spans="1:10" x14ac:dyDescent="0.25">
      <c r="A1385" s="7"/>
      <c r="B1385"/>
      <c r="C1385" s="23" t="s">
        <v>712</v>
      </c>
      <c r="D1385" s="23" t="s">
        <v>2241</v>
      </c>
      <c r="E1385" s="1" t="str">
        <f t="shared" ref="E1385" si="249" xml:space="preserve"> HYPERLINK(CONCATENATE("http://www.sap.com/community/tag.html?id=",$F1385))</f>
        <v>http://www.sap.com/community/tag.html?id=01200615320800001186</v>
      </c>
      <c r="F1385" s="23" t="s">
        <v>3587</v>
      </c>
      <c r="G1385"/>
      <c r="H1385"/>
      <c r="I1385"/>
      <c r="J1385"/>
    </row>
    <row r="1386" spans="1:10" x14ac:dyDescent="0.25">
      <c r="A1386" s="7"/>
      <c r="B1386" t="s">
        <v>336</v>
      </c>
      <c r="C1386" s="23"/>
      <c r="D1386" s="7" t="s">
        <v>5032</v>
      </c>
      <c r="E1386" s="1"/>
      <c r="F1386" s="23" t="s">
        <v>3588</v>
      </c>
      <c r="G1386"/>
      <c r="H1386"/>
      <c r="I1386"/>
      <c r="J1386"/>
    </row>
    <row r="1387" spans="1:10" x14ac:dyDescent="0.25">
      <c r="A1387" s="7"/>
      <c r="B1387"/>
      <c r="C1387" s="23" t="s">
        <v>803</v>
      </c>
      <c r="D1387" s="23" t="s">
        <v>2241</v>
      </c>
      <c r="E1387" s="1" t="str">
        <f t="shared" ref="E1387:E1398" si="250" xml:space="preserve"> HYPERLINK(CONCATENATE("http://www.sap.com/community/tag.html?id=",$F1387))</f>
        <v>http://www.sap.com/community/tag.html?id=01200615320800001228</v>
      </c>
      <c r="F1387" s="23" t="s">
        <v>3589</v>
      </c>
      <c r="G1387"/>
      <c r="H1387"/>
      <c r="I1387"/>
      <c r="J1387"/>
    </row>
    <row r="1388" spans="1:10" x14ac:dyDescent="0.25">
      <c r="A1388" s="7"/>
      <c r="B1388"/>
      <c r="C1388" s="23" t="s">
        <v>212</v>
      </c>
      <c r="D1388" s="23" t="s">
        <v>2241</v>
      </c>
      <c r="E1388" s="1" t="str">
        <f t="shared" si="250"/>
        <v>http://www.sap.com/community/tag.html?id=01200615320800001256</v>
      </c>
      <c r="F1388" s="23" t="s">
        <v>3590</v>
      </c>
      <c r="G1388"/>
      <c r="H1388"/>
      <c r="I1388"/>
      <c r="J1388"/>
    </row>
    <row r="1389" spans="1:10" x14ac:dyDescent="0.25">
      <c r="A1389" s="7"/>
      <c r="B1389"/>
      <c r="C1389" s="23" t="s">
        <v>1783</v>
      </c>
      <c r="D1389" s="23" t="s">
        <v>2241</v>
      </c>
      <c r="E1389" s="1" t="str">
        <f t="shared" si="250"/>
        <v>http://www.sap.com/community/tag.html?id=01200615320800001257</v>
      </c>
      <c r="F1389" s="23" t="s">
        <v>3591</v>
      </c>
      <c r="G1389"/>
      <c r="H1389"/>
      <c r="I1389"/>
      <c r="J1389"/>
    </row>
    <row r="1390" spans="1:10" x14ac:dyDescent="0.25">
      <c r="A1390" s="7"/>
      <c r="B1390"/>
      <c r="C1390" s="23" t="s">
        <v>226</v>
      </c>
      <c r="D1390" s="23" t="s">
        <v>2241</v>
      </c>
      <c r="E1390" s="1" t="str">
        <f t="shared" si="250"/>
        <v>http://www.sap.com/community/tag.html?id=01200314690800001038</v>
      </c>
      <c r="F1390" s="23" t="s">
        <v>3592</v>
      </c>
      <c r="G1390"/>
      <c r="H1390"/>
      <c r="I1390"/>
      <c r="J1390"/>
    </row>
    <row r="1391" spans="1:10" x14ac:dyDescent="0.25">
      <c r="A1391" s="7"/>
      <c r="B1391"/>
      <c r="C1391" s="23" t="s">
        <v>1369</v>
      </c>
      <c r="D1391" s="23" t="s">
        <v>2241</v>
      </c>
      <c r="E1391" s="1" t="str">
        <f t="shared" si="250"/>
        <v>http://www.sap.com/community/tag.html?id=01200615320800002973</v>
      </c>
      <c r="F1391" s="23" t="s">
        <v>3593</v>
      </c>
      <c r="G1391"/>
      <c r="H1391"/>
      <c r="I1391"/>
      <c r="J1391"/>
    </row>
    <row r="1392" spans="1:10" x14ac:dyDescent="0.25">
      <c r="A1392" s="7"/>
      <c r="B1392"/>
      <c r="C1392" s="23" t="s">
        <v>565</v>
      </c>
      <c r="D1392" s="23" t="s">
        <v>2241</v>
      </c>
      <c r="E1392" s="1" t="str">
        <f t="shared" si="250"/>
        <v>http://www.sap.com/community/tag.html?id=01200615320800002975</v>
      </c>
      <c r="F1392" s="23" t="s">
        <v>3594</v>
      </c>
      <c r="G1392"/>
      <c r="H1392"/>
      <c r="I1392"/>
      <c r="J1392"/>
    </row>
    <row r="1393" spans="1:10" x14ac:dyDescent="0.25">
      <c r="A1393" s="7"/>
      <c r="B1393"/>
      <c r="C1393" s="23" t="s">
        <v>182</v>
      </c>
      <c r="D1393" s="23" t="s">
        <v>2241</v>
      </c>
      <c r="E1393" s="1" t="str">
        <f t="shared" si="250"/>
        <v>http://www.sap.com/community/tag.html?id=01200615320800002974</v>
      </c>
      <c r="F1393" s="23" t="s">
        <v>3595</v>
      </c>
      <c r="G1393"/>
      <c r="H1393"/>
      <c r="I1393"/>
      <c r="J1393"/>
    </row>
    <row r="1394" spans="1:10" x14ac:dyDescent="0.25">
      <c r="A1394" s="7"/>
      <c r="B1394" s="23"/>
      <c r="C1394" t="s">
        <v>294</v>
      </c>
      <c r="D1394" s="23" t="s">
        <v>2241</v>
      </c>
      <c r="E1394" s="1" t="str">
        <f t="shared" si="250"/>
        <v>http://www.sap.com/community/tag.html?id=01200615320800003650</v>
      </c>
      <c r="F1394" s="23" t="s">
        <v>3596</v>
      </c>
      <c r="G1394"/>
      <c r="H1394"/>
      <c r="I1394"/>
      <c r="J1394"/>
    </row>
    <row r="1395" spans="1:10" x14ac:dyDescent="0.25">
      <c r="A1395" s="7"/>
      <c r="B1395"/>
      <c r="C1395" s="23" t="s">
        <v>1016</v>
      </c>
      <c r="D1395" s="23" t="s">
        <v>2241</v>
      </c>
      <c r="E1395" s="1" t="str">
        <f t="shared" si="250"/>
        <v>http://www.sap.com/community/tag.html?id=01200314690800002348</v>
      </c>
      <c r="F1395" s="23" t="s">
        <v>3597</v>
      </c>
      <c r="G1395"/>
      <c r="H1395"/>
      <c r="I1395"/>
      <c r="J1395"/>
    </row>
    <row r="1396" spans="1:10" x14ac:dyDescent="0.25">
      <c r="A1396" s="7"/>
      <c r="B1396" s="23"/>
      <c r="C1396" t="s">
        <v>928</v>
      </c>
      <c r="D1396" s="23" t="s">
        <v>2241</v>
      </c>
      <c r="E1396" s="1" t="str">
        <f t="shared" si="250"/>
        <v>http://www.sap.com/community/tag.html?id=01200615320800001016</v>
      </c>
      <c r="F1396" s="23" t="s">
        <v>3598</v>
      </c>
      <c r="G1396"/>
      <c r="H1396"/>
      <c r="I1396"/>
      <c r="J1396"/>
    </row>
    <row r="1397" spans="1:10" x14ac:dyDescent="0.25">
      <c r="A1397" s="7"/>
      <c r="B1397"/>
      <c r="C1397" s="23" t="s">
        <v>1830</v>
      </c>
      <c r="D1397" s="23" t="s">
        <v>2241</v>
      </c>
      <c r="E1397" s="1" t="str">
        <f t="shared" si="250"/>
        <v>http://www.sap.com/community/tag.html?id=01200615320800000726</v>
      </c>
      <c r="F1397" s="23" t="s">
        <v>3599</v>
      </c>
      <c r="G1397"/>
      <c r="H1397"/>
      <c r="I1397"/>
      <c r="J1397"/>
    </row>
    <row r="1398" spans="1:10" x14ac:dyDescent="0.25">
      <c r="A1398" s="7"/>
      <c r="B1398"/>
      <c r="C1398" s="23" t="s">
        <v>564</v>
      </c>
      <c r="D1398" s="23" t="s">
        <v>2241</v>
      </c>
      <c r="E1398" s="1" t="str">
        <f t="shared" si="250"/>
        <v>http://www.sap.com/community/tag.html?id=01200314690800001940</v>
      </c>
      <c r="F1398" s="23" t="s">
        <v>3600</v>
      </c>
      <c r="G1398"/>
      <c r="H1398"/>
      <c r="I1398"/>
      <c r="J1398"/>
    </row>
    <row r="1399" spans="1:10" x14ac:dyDescent="0.25">
      <c r="A1399" s="7"/>
      <c r="B1399" s="23" t="s">
        <v>1619</v>
      </c>
      <c r="C1399"/>
      <c r="D1399" s="7" t="s">
        <v>5032</v>
      </c>
      <c r="E1399" s="1"/>
      <c r="F1399" s="23" t="s">
        <v>3601</v>
      </c>
      <c r="G1399"/>
      <c r="H1399"/>
      <c r="I1399"/>
      <c r="J1399"/>
    </row>
    <row r="1400" spans="1:10" x14ac:dyDescent="0.25">
      <c r="A1400" s="7"/>
      <c r="B1400"/>
      <c r="C1400" s="23" t="s">
        <v>1619</v>
      </c>
      <c r="D1400" s="23" t="s">
        <v>2241</v>
      </c>
      <c r="E1400" s="1" t="str">
        <f t="shared" ref="E1400" si="251" xml:space="preserve"> HYPERLINK(CONCATENATE("http://www.sap.com/community/tag.html?id=",$F1400))</f>
        <v>http://www.sap.com/community/tag.html?id=01200314690800000353</v>
      </c>
      <c r="F1400" s="23" t="s">
        <v>3602</v>
      </c>
      <c r="G1400"/>
      <c r="H1400"/>
      <c r="I1400"/>
      <c r="J1400"/>
    </row>
    <row r="1401" spans="1:10" x14ac:dyDescent="0.25">
      <c r="A1401" s="7"/>
      <c r="B1401" t="s">
        <v>1611</v>
      </c>
      <c r="C1401" s="23"/>
      <c r="D1401" s="7" t="s">
        <v>5032</v>
      </c>
      <c r="E1401" s="1"/>
      <c r="F1401" s="23" t="s">
        <v>3603</v>
      </c>
      <c r="G1401"/>
      <c r="H1401"/>
      <c r="I1401"/>
      <c r="J1401"/>
    </row>
    <row r="1402" spans="1:10" x14ac:dyDescent="0.25">
      <c r="A1402" s="7"/>
      <c r="B1402" s="23"/>
      <c r="C1402" t="s">
        <v>1611</v>
      </c>
      <c r="D1402" s="23" t="s">
        <v>2241</v>
      </c>
      <c r="E1402" s="1" t="str">
        <f t="shared" ref="E1402:E1403" si="252" xml:space="preserve"> HYPERLINK(CONCATENATE("http://www.sap.com/community/tag.html?id=",$F1402))</f>
        <v>http://www.sap.com/community/tag.html?id=01200615320800000718</v>
      </c>
      <c r="F1402" s="23" t="s">
        <v>3604</v>
      </c>
      <c r="G1402"/>
      <c r="H1402"/>
      <c r="I1402"/>
      <c r="J1402"/>
    </row>
    <row r="1403" spans="1:10" x14ac:dyDescent="0.25">
      <c r="A1403" s="7"/>
      <c r="B1403"/>
      <c r="C1403" s="23" t="s">
        <v>464</v>
      </c>
      <c r="D1403" s="23" t="s">
        <v>2241</v>
      </c>
      <c r="E1403" s="1" t="str">
        <f t="shared" si="252"/>
        <v>http://www.sap.com/community/tag.html?id=67838200100800004073</v>
      </c>
      <c r="F1403" s="23" t="s">
        <v>3605</v>
      </c>
      <c r="G1403"/>
      <c r="H1403"/>
      <c r="I1403"/>
      <c r="J1403"/>
    </row>
    <row r="1404" spans="1:10" x14ac:dyDescent="0.25">
      <c r="A1404" s="7"/>
      <c r="B1404" s="23" t="s">
        <v>1989</v>
      </c>
      <c r="C1404"/>
      <c r="D1404" s="7" t="s">
        <v>5032</v>
      </c>
      <c r="E1404" s="1"/>
      <c r="F1404" s="23" t="s">
        <v>3606</v>
      </c>
      <c r="G1404"/>
      <c r="H1404"/>
      <c r="I1404"/>
      <c r="J1404"/>
    </row>
    <row r="1405" spans="1:10" x14ac:dyDescent="0.25">
      <c r="A1405" s="7"/>
      <c r="B1405"/>
      <c r="C1405" s="23" t="s">
        <v>1989</v>
      </c>
      <c r="D1405" s="23" t="s">
        <v>2241</v>
      </c>
      <c r="E1405" s="1" t="str">
        <f t="shared" ref="E1405:E1406" si="253" xml:space="preserve"> HYPERLINK(CONCATENATE("http://www.sap.com/community/tag.html?id=",$F1405))</f>
        <v>http://www.sap.com/community/tag.html?id=01200314690800000140</v>
      </c>
      <c r="F1405" s="23" t="s">
        <v>3607</v>
      </c>
      <c r="G1405"/>
      <c r="H1405"/>
      <c r="I1405"/>
      <c r="J1405"/>
    </row>
    <row r="1406" spans="1:10" x14ac:dyDescent="0.25">
      <c r="A1406" s="7"/>
      <c r="B1406" s="23"/>
      <c r="C1406" t="s">
        <v>1928</v>
      </c>
      <c r="D1406" s="23" t="s">
        <v>2241</v>
      </c>
      <c r="E1406" s="1" t="str">
        <f t="shared" si="253"/>
        <v>http://www.sap.com/community/tag.html?id=01200615320800002984</v>
      </c>
      <c r="F1406" s="23" t="s">
        <v>3608</v>
      </c>
      <c r="G1406"/>
      <c r="H1406"/>
      <c r="I1406"/>
      <c r="J1406"/>
    </row>
    <row r="1407" spans="1:10" x14ac:dyDescent="0.25">
      <c r="A1407" s="7"/>
      <c r="B1407" t="s">
        <v>1837</v>
      </c>
      <c r="C1407" s="23"/>
      <c r="D1407" s="7" t="s">
        <v>5032</v>
      </c>
      <c r="E1407" s="1"/>
      <c r="F1407" s="23" t="s">
        <v>3609</v>
      </c>
      <c r="G1407"/>
      <c r="H1407"/>
      <c r="I1407"/>
      <c r="J1407"/>
    </row>
    <row r="1408" spans="1:10" x14ac:dyDescent="0.25">
      <c r="A1408" s="7"/>
      <c r="B1408"/>
      <c r="C1408" s="23" t="s">
        <v>1837</v>
      </c>
      <c r="D1408" s="23" t="s">
        <v>2241</v>
      </c>
      <c r="E1408" s="1" t="str">
        <f t="shared" ref="E1408" si="254" xml:space="preserve"> HYPERLINK(CONCATENATE("http://www.sap.com/community/tag.html?id=",$F1408))</f>
        <v>http://www.sap.com/community/tag.html?id=01200615320800002328</v>
      </c>
      <c r="F1408" s="23" t="s">
        <v>3610</v>
      </c>
      <c r="G1408"/>
      <c r="H1408"/>
      <c r="I1408"/>
      <c r="J1408"/>
    </row>
    <row r="1409" spans="1:10" x14ac:dyDescent="0.25">
      <c r="A1409" s="7"/>
      <c r="B1409" s="23" t="s">
        <v>1632</v>
      </c>
      <c r="C1409"/>
      <c r="D1409" s="7" t="s">
        <v>5032</v>
      </c>
      <c r="E1409" s="1"/>
      <c r="F1409" s="23" t="s">
        <v>3611</v>
      </c>
      <c r="G1409"/>
      <c r="H1409"/>
      <c r="I1409"/>
      <c r="J1409"/>
    </row>
    <row r="1410" spans="1:10" x14ac:dyDescent="0.25">
      <c r="A1410" s="7"/>
      <c r="B1410"/>
      <c r="C1410" s="23" t="s">
        <v>1632</v>
      </c>
      <c r="D1410" s="23" t="s">
        <v>2241</v>
      </c>
      <c r="E1410" s="1" t="str">
        <f t="shared" ref="E1410" si="255" xml:space="preserve"> HYPERLINK(CONCATENATE("http://www.sap.com/community/tag.html?id=",$F1410))</f>
        <v>http://www.sap.com/community/tag.html?id=67838200100800004071</v>
      </c>
      <c r="F1410" s="23" t="s">
        <v>3612</v>
      </c>
      <c r="G1410"/>
      <c r="H1410"/>
      <c r="I1410"/>
      <c r="J1410"/>
    </row>
    <row r="1411" spans="1:10" x14ac:dyDescent="0.25">
      <c r="A1411" s="7"/>
      <c r="B1411" t="s">
        <v>650</v>
      </c>
      <c r="C1411" s="23"/>
      <c r="D1411" s="7" t="s">
        <v>5032</v>
      </c>
      <c r="E1411" s="1"/>
      <c r="F1411" s="23" t="s">
        <v>3613</v>
      </c>
      <c r="G1411"/>
      <c r="H1411"/>
      <c r="I1411"/>
      <c r="J1411"/>
    </row>
    <row r="1412" spans="1:10" x14ac:dyDescent="0.25">
      <c r="A1412" s="7"/>
      <c r="B1412"/>
      <c r="C1412" s="23" t="s">
        <v>650</v>
      </c>
      <c r="D1412" s="23" t="s">
        <v>2241</v>
      </c>
      <c r="E1412" s="1" t="str">
        <f t="shared" ref="E1412:E1413" si="256" xml:space="preserve"> HYPERLINK(CONCATENATE("http://www.sap.com/community/tag.html?id=",$F1412))</f>
        <v>http://www.sap.com/community/tag.html?id=67838200100800004949</v>
      </c>
      <c r="F1412" s="23" t="s">
        <v>3614</v>
      </c>
      <c r="G1412"/>
      <c r="H1412"/>
      <c r="I1412"/>
      <c r="J1412"/>
    </row>
    <row r="1413" spans="1:10" x14ac:dyDescent="0.25">
      <c r="A1413" s="7"/>
      <c r="B1413"/>
      <c r="C1413" s="23" t="s">
        <v>1853</v>
      </c>
      <c r="D1413" s="23" t="s">
        <v>2241</v>
      </c>
      <c r="E1413" s="1" t="str">
        <f t="shared" si="256"/>
        <v>http://www.sap.com/community/tag.html?id=67837800100800005983</v>
      </c>
      <c r="F1413" s="23" t="s">
        <v>3615</v>
      </c>
      <c r="G1413"/>
      <c r="H1413"/>
      <c r="I1413"/>
      <c r="J1413"/>
    </row>
    <row r="1414" spans="1:10" x14ac:dyDescent="0.25">
      <c r="A1414" s="7"/>
      <c r="B1414" s="23" t="s">
        <v>5426</v>
      </c>
      <c r="C1414"/>
      <c r="D1414" s="7" t="s">
        <v>5032</v>
      </c>
      <c r="E1414" s="1"/>
      <c r="F1414" s="23" t="s">
        <v>5425</v>
      </c>
      <c r="G1414"/>
      <c r="H1414"/>
      <c r="I1414"/>
      <c r="J1414"/>
    </row>
    <row r="1415" spans="1:10" x14ac:dyDescent="0.25">
      <c r="A1415" s="7"/>
      <c r="B1415"/>
      <c r="C1415" s="23" t="s">
        <v>5426</v>
      </c>
      <c r="D1415" s="23" t="s">
        <v>2241</v>
      </c>
      <c r="E1415" s="1" t="str">
        <f t="shared" ref="E1415" si="257" xml:space="preserve"> HYPERLINK(CONCATENATE("http://www.sap.com/community/tag.html?id=",$F1415))</f>
        <v>http://www.sap.com/community/tag.html?id=73554900100800000544</v>
      </c>
      <c r="F1415" s="23" t="s">
        <v>5427</v>
      </c>
      <c r="G1415"/>
      <c r="H1415"/>
      <c r="I1415"/>
      <c r="J1415"/>
    </row>
    <row r="1416" spans="1:10" x14ac:dyDescent="0.25">
      <c r="A1416" s="7"/>
      <c r="B1416" s="23" t="s">
        <v>1772</v>
      </c>
      <c r="C1416"/>
      <c r="D1416" s="7" t="s">
        <v>5032</v>
      </c>
      <c r="E1416" s="1"/>
      <c r="F1416" s="23" t="s">
        <v>3616</v>
      </c>
      <c r="G1416"/>
      <c r="H1416"/>
      <c r="I1416"/>
      <c r="J1416"/>
    </row>
    <row r="1417" spans="1:10" x14ac:dyDescent="0.25">
      <c r="A1417" s="7"/>
      <c r="B1417"/>
      <c r="C1417" s="23" t="s">
        <v>1772</v>
      </c>
      <c r="D1417" s="23" t="s">
        <v>2241</v>
      </c>
      <c r="E1417" s="1" t="str">
        <f t="shared" ref="E1417:E1420" si="258" xml:space="preserve"> HYPERLINK(CONCATENATE("http://www.sap.com/community/tag.html?id=",$F1417))</f>
        <v>http://www.sap.com/community/tag.html?id=01200314690800001397</v>
      </c>
      <c r="F1417" s="23" t="s">
        <v>3617</v>
      </c>
      <c r="G1417"/>
      <c r="H1417"/>
      <c r="I1417"/>
      <c r="J1417"/>
    </row>
    <row r="1418" spans="1:10" x14ac:dyDescent="0.25">
      <c r="A1418" s="7"/>
      <c r="B1418"/>
      <c r="C1418" s="23" t="s">
        <v>603</v>
      </c>
      <c r="D1418" s="23" t="s">
        <v>2241</v>
      </c>
      <c r="E1418" s="1" t="str">
        <f t="shared" si="258"/>
        <v>http://www.sap.com/community/tag.html?id=01200314690800002564</v>
      </c>
      <c r="F1418" s="23" t="s">
        <v>3618</v>
      </c>
      <c r="G1418"/>
      <c r="H1418"/>
      <c r="I1418"/>
      <c r="J1418"/>
    </row>
    <row r="1419" spans="1:10" x14ac:dyDescent="0.25">
      <c r="A1419" s="7"/>
      <c r="B1419"/>
      <c r="C1419" s="23" t="s">
        <v>483</v>
      </c>
      <c r="D1419" s="23" t="s">
        <v>2241</v>
      </c>
      <c r="E1419" s="1" t="str">
        <f t="shared" si="258"/>
        <v>http://www.sap.com/community/tag.html?id=01200314690800002080</v>
      </c>
      <c r="F1419" s="23" t="s">
        <v>3619</v>
      </c>
      <c r="G1419"/>
      <c r="H1419"/>
      <c r="I1419"/>
      <c r="J1419"/>
    </row>
    <row r="1420" spans="1:10" x14ac:dyDescent="0.25">
      <c r="A1420" s="7"/>
      <c r="B1420" s="23"/>
      <c r="C1420" t="s">
        <v>1366</v>
      </c>
      <c r="D1420" s="23" t="s">
        <v>2241</v>
      </c>
      <c r="E1420" s="1" t="str">
        <f t="shared" si="258"/>
        <v>http://www.sap.com/community/tag.html?id=01200314690800002563</v>
      </c>
      <c r="F1420" s="23" t="s">
        <v>3620</v>
      </c>
      <c r="G1420"/>
      <c r="H1420"/>
      <c r="I1420"/>
      <c r="J1420"/>
    </row>
    <row r="1421" spans="1:10" x14ac:dyDescent="0.25">
      <c r="A1421" s="7"/>
      <c r="B1421" t="s">
        <v>1458</v>
      </c>
      <c r="C1421" s="23"/>
      <c r="D1421" s="7" t="s">
        <v>5032</v>
      </c>
      <c r="E1421" s="1"/>
      <c r="F1421" s="23" t="s">
        <v>3621</v>
      </c>
      <c r="G1421"/>
      <c r="H1421"/>
      <c r="I1421"/>
      <c r="J1421"/>
    </row>
    <row r="1422" spans="1:10" x14ac:dyDescent="0.25">
      <c r="A1422" s="7"/>
      <c r="B1422" s="23"/>
      <c r="C1422" t="s">
        <v>1458</v>
      </c>
      <c r="D1422" s="23" t="s">
        <v>2241</v>
      </c>
      <c r="E1422" s="1" t="str">
        <f t="shared" ref="E1422" si="259" xml:space="preserve"> HYPERLINK(CONCATENATE("http://www.sap.com/community/tag.html?id=",$F1422))</f>
        <v>http://www.sap.com/community/tag.html?id=01200615320800000262</v>
      </c>
      <c r="F1422" s="23" t="s">
        <v>3622</v>
      </c>
      <c r="G1422"/>
      <c r="H1422"/>
      <c r="I1422"/>
      <c r="J1422"/>
    </row>
    <row r="1423" spans="1:10" x14ac:dyDescent="0.25">
      <c r="A1423" s="7"/>
      <c r="B1423" t="s">
        <v>867</v>
      </c>
      <c r="C1423" s="23"/>
      <c r="D1423" s="7" t="s">
        <v>5032</v>
      </c>
      <c r="E1423" s="1"/>
      <c r="F1423" s="23" t="s">
        <v>3623</v>
      </c>
      <c r="G1423"/>
      <c r="H1423"/>
      <c r="I1423"/>
      <c r="J1423"/>
    </row>
    <row r="1424" spans="1:10" x14ac:dyDescent="0.25">
      <c r="A1424" s="7"/>
      <c r="B1424" s="23"/>
      <c r="C1424" t="s">
        <v>867</v>
      </c>
      <c r="D1424" s="23" t="s">
        <v>2241</v>
      </c>
      <c r="E1424" s="1" t="str">
        <f t="shared" ref="E1424:E1426" si="260" xml:space="preserve"> HYPERLINK(CONCATENATE("http://www.sap.com/community/tag.html?id=",$F1424))</f>
        <v>http://www.sap.com/community/tag.html?id=67838200100800004070</v>
      </c>
      <c r="F1424" s="23" t="s">
        <v>3624</v>
      </c>
      <c r="G1424"/>
      <c r="H1424"/>
      <c r="I1424"/>
      <c r="J1424"/>
    </row>
    <row r="1425" spans="1:10" x14ac:dyDescent="0.25">
      <c r="A1425" s="7"/>
      <c r="B1425"/>
      <c r="C1425" s="23" t="s">
        <v>550</v>
      </c>
      <c r="D1425" s="23" t="s">
        <v>2241</v>
      </c>
      <c r="E1425" s="1" t="str">
        <f t="shared" si="260"/>
        <v>http://www.sap.com/community/tag.html?id=67838200100800005817</v>
      </c>
      <c r="F1425" s="23" t="s">
        <v>3625</v>
      </c>
      <c r="G1425"/>
      <c r="H1425"/>
      <c r="I1425"/>
      <c r="J1425"/>
    </row>
    <row r="1426" spans="1:10" x14ac:dyDescent="0.25">
      <c r="A1426" s="7"/>
      <c r="B1426" s="23"/>
      <c r="C1426" t="s">
        <v>137</v>
      </c>
      <c r="D1426" s="23" t="s">
        <v>2241</v>
      </c>
      <c r="E1426" s="1" t="str">
        <f t="shared" si="260"/>
        <v>http://www.sap.com/community/tag.html?id=67838200100800004947</v>
      </c>
      <c r="F1426" s="23" t="s">
        <v>3626</v>
      </c>
      <c r="G1426"/>
      <c r="H1426"/>
      <c r="I1426"/>
      <c r="J1426"/>
    </row>
    <row r="1427" spans="1:10" x14ac:dyDescent="0.25">
      <c r="A1427" s="7"/>
      <c r="B1427" t="s">
        <v>322</v>
      </c>
      <c r="C1427" s="23"/>
      <c r="D1427" s="7" t="s">
        <v>5032</v>
      </c>
      <c r="E1427" s="1"/>
      <c r="F1427" s="23" t="s">
        <v>3627</v>
      </c>
      <c r="G1427"/>
      <c r="H1427"/>
      <c r="I1427"/>
      <c r="J1427"/>
    </row>
    <row r="1428" spans="1:10" x14ac:dyDescent="0.25">
      <c r="A1428" s="7"/>
      <c r="B1428" s="23"/>
      <c r="C1428" t="s">
        <v>322</v>
      </c>
      <c r="D1428" s="23" t="s">
        <v>2241</v>
      </c>
      <c r="E1428" s="1" t="str">
        <f t="shared" ref="E1428" si="261" xml:space="preserve"> HYPERLINK(CONCATENATE("http://www.sap.com/community/tag.html?id=",$F1428))</f>
        <v>http://www.sap.com/community/tag.html?id=01200615320800003476</v>
      </c>
      <c r="F1428" s="23" t="s">
        <v>3628</v>
      </c>
      <c r="G1428"/>
      <c r="H1428"/>
      <c r="I1428"/>
      <c r="J1428"/>
    </row>
    <row r="1429" spans="1:10" x14ac:dyDescent="0.25">
      <c r="A1429" s="7"/>
      <c r="B1429" t="s">
        <v>2019</v>
      </c>
      <c r="C1429" s="23"/>
      <c r="D1429" s="7" t="s">
        <v>5032</v>
      </c>
      <c r="E1429" s="1"/>
      <c r="F1429" s="23" t="s">
        <v>3629</v>
      </c>
      <c r="G1429"/>
      <c r="H1429"/>
      <c r="I1429"/>
      <c r="J1429"/>
    </row>
    <row r="1430" spans="1:10" x14ac:dyDescent="0.25">
      <c r="A1430" s="7"/>
      <c r="B1430" s="23"/>
      <c r="C1430" t="s">
        <v>2019</v>
      </c>
      <c r="D1430" s="23" t="s">
        <v>2241</v>
      </c>
      <c r="E1430" s="1" t="str">
        <f t="shared" ref="E1430" si="262" xml:space="preserve"> HYPERLINK(CONCATENATE("http://www.sap.com/community/tag.html?id=",$F1430))</f>
        <v>http://www.sap.com/community/tag.html?id=01200615320800002985</v>
      </c>
      <c r="F1430" s="23" t="s">
        <v>3630</v>
      </c>
      <c r="G1430"/>
      <c r="H1430"/>
      <c r="I1430"/>
      <c r="J1430"/>
    </row>
    <row r="1431" spans="1:10" x14ac:dyDescent="0.25">
      <c r="A1431" s="7"/>
      <c r="B1431" t="s">
        <v>1106</v>
      </c>
      <c r="C1431" s="23"/>
      <c r="D1431" s="7" t="s">
        <v>5032</v>
      </c>
      <c r="E1431" s="1"/>
      <c r="F1431" s="23" t="s">
        <v>3631</v>
      </c>
      <c r="G1431"/>
      <c r="H1431"/>
      <c r="I1431"/>
      <c r="J1431"/>
    </row>
    <row r="1432" spans="1:10" x14ac:dyDescent="0.25">
      <c r="A1432" s="7"/>
      <c r="B1432" s="23"/>
      <c r="C1432" t="s">
        <v>1106</v>
      </c>
      <c r="D1432" s="23" t="s">
        <v>2241</v>
      </c>
      <c r="E1432" s="1" t="str">
        <f t="shared" ref="E1432" si="263" xml:space="preserve"> HYPERLINK(CONCATENATE("http://www.sap.com/community/tag.html?id=",$F1432))</f>
        <v>http://www.sap.com/community/tag.html?id=01200314690800000118</v>
      </c>
      <c r="F1432" s="23" t="s">
        <v>3632</v>
      </c>
      <c r="G1432"/>
      <c r="H1432"/>
      <c r="I1432"/>
      <c r="J1432"/>
    </row>
    <row r="1433" spans="1:10" x14ac:dyDescent="0.25">
      <c r="A1433" s="7"/>
      <c r="B1433" t="s">
        <v>176</v>
      </c>
      <c r="C1433" s="23"/>
      <c r="D1433" s="7" t="s">
        <v>5032</v>
      </c>
      <c r="E1433" s="1"/>
      <c r="F1433" s="23" t="s">
        <v>3633</v>
      </c>
      <c r="G1433"/>
      <c r="H1433"/>
      <c r="I1433"/>
      <c r="J1433"/>
    </row>
    <row r="1434" spans="1:10" x14ac:dyDescent="0.25">
      <c r="A1434" s="7"/>
      <c r="B1434" s="23"/>
      <c r="C1434" t="s">
        <v>176</v>
      </c>
      <c r="D1434" s="23" t="s">
        <v>2241</v>
      </c>
      <c r="E1434" s="1" t="str">
        <f t="shared" ref="E1434" si="264" xml:space="preserve"> HYPERLINK(CONCATENATE("http://www.sap.com/community/tag.html?id=",$F1434))</f>
        <v>http://www.sap.com/community/tag.html?id=67837800100800006762</v>
      </c>
      <c r="F1434" s="23" t="s">
        <v>3634</v>
      </c>
      <c r="G1434"/>
      <c r="H1434"/>
      <c r="I1434"/>
      <c r="J1434"/>
    </row>
    <row r="1435" spans="1:10" x14ac:dyDescent="0.25">
      <c r="A1435" s="7"/>
      <c r="B1435" t="s">
        <v>1750</v>
      </c>
      <c r="C1435" s="23"/>
      <c r="D1435" s="7" t="s">
        <v>5032</v>
      </c>
      <c r="E1435" s="1"/>
      <c r="F1435" s="23" t="s">
        <v>3635</v>
      </c>
      <c r="G1435"/>
      <c r="H1435"/>
      <c r="I1435"/>
      <c r="J1435"/>
    </row>
    <row r="1436" spans="1:10" x14ac:dyDescent="0.25">
      <c r="A1436" s="7"/>
      <c r="B1436"/>
      <c r="C1436" s="23" t="s">
        <v>1750</v>
      </c>
      <c r="D1436" s="23" t="s">
        <v>2241</v>
      </c>
      <c r="E1436" s="1" t="str">
        <f t="shared" ref="E1436" si="265" xml:space="preserve"> HYPERLINK(CONCATENATE("http://www.sap.com/community/tag.html?id=",$F1436))</f>
        <v>http://www.sap.com/community/tag.html?id=01200615320800000657</v>
      </c>
      <c r="F1436" s="23" t="s">
        <v>3636</v>
      </c>
      <c r="G1436"/>
      <c r="H1436"/>
      <c r="I1436"/>
      <c r="J1436"/>
    </row>
    <row r="1437" spans="1:10" x14ac:dyDescent="0.25">
      <c r="A1437" s="7"/>
      <c r="B1437" t="s">
        <v>36</v>
      </c>
      <c r="C1437" s="23"/>
      <c r="D1437" s="7" t="s">
        <v>5032</v>
      </c>
      <c r="E1437" s="1"/>
      <c r="F1437" s="23" t="s">
        <v>3638</v>
      </c>
      <c r="G1437"/>
      <c r="H1437"/>
      <c r="I1437"/>
      <c r="J1437"/>
    </row>
    <row r="1438" spans="1:10" x14ac:dyDescent="0.25">
      <c r="A1438" s="7"/>
      <c r="B1438"/>
      <c r="C1438" s="23" t="s">
        <v>36</v>
      </c>
      <c r="D1438" s="23" t="s">
        <v>2241</v>
      </c>
      <c r="E1438" s="1" t="str">
        <f t="shared" ref="E1438" si="266" xml:space="preserve"> HYPERLINK(CONCATENATE("http://www.sap.com/community/tag.html?id=",$F1438))</f>
        <v>http://www.sap.com/community/tag.html?id=67838200100800004272</v>
      </c>
      <c r="F1438" s="23" t="s">
        <v>3639</v>
      </c>
      <c r="G1438"/>
      <c r="H1438"/>
      <c r="I1438"/>
      <c r="J1438"/>
    </row>
    <row r="1439" spans="1:10" x14ac:dyDescent="0.25">
      <c r="A1439" s="7"/>
      <c r="B1439" t="s">
        <v>1287</v>
      </c>
      <c r="C1439" s="23"/>
      <c r="D1439" s="7" t="s">
        <v>5032</v>
      </c>
      <c r="E1439" s="1"/>
      <c r="F1439" s="23" t="s">
        <v>3640</v>
      </c>
      <c r="G1439"/>
      <c r="H1439"/>
      <c r="I1439"/>
      <c r="J1439"/>
    </row>
    <row r="1440" spans="1:10" x14ac:dyDescent="0.25">
      <c r="A1440" s="7"/>
      <c r="B1440"/>
      <c r="C1440" s="23" t="s">
        <v>1287</v>
      </c>
      <c r="D1440" s="23" t="s">
        <v>2241</v>
      </c>
      <c r="E1440" s="1" t="str">
        <f t="shared" ref="E1440" si="267" xml:space="preserve"> HYPERLINK(CONCATENATE("http://www.sap.com/community/tag.html?id=",$F1440))</f>
        <v>http://www.sap.com/community/tag.html?id=67837800100800006748</v>
      </c>
      <c r="F1440" s="23" t="s">
        <v>3641</v>
      </c>
      <c r="G1440"/>
      <c r="H1440"/>
      <c r="I1440"/>
      <c r="J1440"/>
    </row>
    <row r="1441" spans="1:10" x14ac:dyDescent="0.25">
      <c r="A1441" s="7"/>
      <c r="B1441" t="s">
        <v>1886</v>
      </c>
      <c r="C1441" s="23"/>
      <c r="D1441" s="7" t="s">
        <v>5032</v>
      </c>
      <c r="E1441" s="1"/>
      <c r="F1441" s="23" t="s">
        <v>3642</v>
      </c>
      <c r="G1441"/>
      <c r="H1441"/>
      <c r="I1441"/>
      <c r="J1441"/>
    </row>
    <row r="1442" spans="1:10" x14ac:dyDescent="0.25">
      <c r="A1442" s="7"/>
      <c r="B1442" s="23"/>
      <c r="C1442" t="s">
        <v>1849</v>
      </c>
      <c r="D1442" s="23" t="s">
        <v>2241</v>
      </c>
      <c r="E1442" s="1" t="str">
        <f t="shared" ref="E1442:E1448" si="268" xml:space="preserve"> HYPERLINK(CONCATENATE("http://www.sap.com/community/tag.html?id=",$F1442))</f>
        <v>http://www.sap.com/community/tag.html?id=01200615320800003645</v>
      </c>
      <c r="F1442" s="23" t="s">
        <v>3643</v>
      </c>
      <c r="G1442"/>
      <c r="H1442"/>
      <c r="I1442"/>
      <c r="J1442"/>
    </row>
    <row r="1443" spans="1:10" x14ac:dyDescent="0.25">
      <c r="A1443" s="7"/>
      <c r="B1443"/>
      <c r="C1443" s="23" t="s">
        <v>2133</v>
      </c>
      <c r="D1443" s="23" t="s">
        <v>2241</v>
      </c>
      <c r="E1443" s="1" t="str">
        <f t="shared" si="268"/>
        <v>http://www.sap.com/community/tag.html?id=67837800100800004430</v>
      </c>
      <c r="F1443" s="23" t="s">
        <v>3644</v>
      </c>
      <c r="G1443"/>
      <c r="H1443"/>
      <c r="I1443"/>
      <c r="J1443"/>
    </row>
    <row r="1444" spans="1:10" x14ac:dyDescent="0.25">
      <c r="A1444" s="7"/>
      <c r="B1444" s="23"/>
      <c r="C1444" t="s">
        <v>1233</v>
      </c>
      <c r="D1444" s="23" t="s">
        <v>2241</v>
      </c>
      <c r="E1444" s="1" t="str">
        <f t="shared" si="268"/>
        <v>http://www.sap.com/community/tag.html?id=67838200100800006029</v>
      </c>
      <c r="F1444" s="23" t="s">
        <v>3645</v>
      </c>
      <c r="G1444"/>
      <c r="H1444"/>
      <c r="I1444"/>
      <c r="J1444"/>
    </row>
    <row r="1445" spans="1:10" x14ac:dyDescent="0.25">
      <c r="A1445" s="7"/>
      <c r="B1445"/>
      <c r="C1445" s="23" t="s">
        <v>1173</v>
      </c>
      <c r="D1445" s="23" t="s">
        <v>2241</v>
      </c>
      <c r="E1445" s="1" t="str">
        <f t="shared" si="268"/>
        <v>http://www.sap.com/community/tag.html?id=67837800100800004879</v>
      </c>
      <c r="F1445" s="23" t="s">
        <v>3646</v>
      </c>
      <c r="G1445"/>
      <c r="H1445"/>
      <c r="I1445"/>
      <c r="J1445"/>
    </row>
    <row r="1446" spans="1:10" x14ac:dyDescent="0.25">
      <c r="A1446" s="7"/>
      <c r="B1446"/>
      <c r="C1446" s="23" t="s">
        <v>2186</v>
      </c>
      <c r="D1446" s="23" t="s">
        <v>2241</v>
      </c>
      <c r="E1446" s="1" t="str">
        <f t="shared" si="268"/>
        <v>http://www.sap.com/community/tag.html?id=01200615320800003837</v>
      </c>
      <c r="F1446" s="23" t="s">
        <v>3647</v>
      </c>
      <c r="G1446"/>
      <c r="H1446"/>
      <c r="I1446"/>
      <c r="J1446"/>
    </row>
    <row r="1447" spans="1:10" x14ac:dyDescent="0.25">
      <c r="A1447" s="7"/>
      <c r="B1447" s="23"/>
      <c r="C1447" t="s">
        <v>320</v>
      </c>
      <c r="D1447" s="23" t="s">
        <v>2241</v>
      </c>
      <c r="E1447" s="1" t="str">
        <f t="shared" si="268"/>
        <v>http://www.sap.com/community/tag.html?id=67838200100800005699</v>
      </c>
      <c r="F1447" s="23" t="s">
        <v>3648</v>
      </c>
      <c r="G1447"/>
      <c r="H1447"/>
      <c r="I1447"/>
      <c r="J1447"/>
    </row>
    <row r="1448" spans="1:10" x14ac:dyDescent="0.25">
      <c r="A1448" s="7"/>
      <c r="B1448"/>
      <c r="C1448" s="23" t="s">
        <v>148</v>
      </c>
      <c r="D1448" s="23" t="s">
        <v>2241</v>
      </c>
      <c r="E1448" s="1" t="str">
        <f t="shared" si="268"/>
        <v>http://www.sap.com/community/tag.html?id=67838200100800005479</v>
      </c>
      <c r="F1448" s="23" t="s">
        <v>3649</v>
      </c>
      <c r="G1448"/>
      <c r="H1448"/>
      <c r="I1448"/>
      <c r="J1448"/>
    </row>
    <row r="1449" spans="1:10" x14ac:dyDescent="0.25">
      <c r="A1449" s="7"/>
      <c r="B1449" s="23" t="s">
        <v>407</v>
      </c>
      <c r="C1449"/>
      <c r="D1449" s="7" t="s">
        <v>5032</v>
      </c>
      <c r="E1449" s="1"/>
      <c r="F1449" s="23" t="s">
        <v>3650</v>
      </c>
      <c r="G1449"/>
      <c r="H1449"/>
      <c r="I1449"/>
      <c r="J1449"/>
    </row>
    <row r="1450" spans="1:10" x14ac:dyDescent="0.25">
      <c r="A1450" s="7"/>
      <c r="B1450"/>
      <c r="C1450" s="23" t="s">
        <v>407</v>
      </c>
      <c r="D1450" s="23" t="s">
        <v>2241</v>
      </c>
      <c r="E1450" s="1" t="str">
        <f t="shared" ref="E1450" si="269" xml:space="preserve"> HYPERLINK(CONCATENATE("http://www.sap.com/community/tag.html?id=",$F1450))</f>
        <v>http://www.sap.com/community/tag.html?id=01200615320800000676</v>
      </c>
      <c r="F1450" s="23" t="s">
        <v>3651</v>
      </c>
      <c r="G1450"/>
      <c r="H1450"/>
      <c r="I1450"/>
      <c r="J1450"/>
    </row>
    <row r="1451" spans="1:10" x14ac:dyDescent="0.25">
      <c r="A1451" s="7"/>
      <c r="B1451" t="s">
        <v>1264</v>
      </c>
      <c r="C1451" s="23"/>
      <c r="D1451" s="7" t="s">
        <v>5032</v>
      </c>
      <c r="E1451" s="1"/>
      <c r="F1451" s="23" t="s">
        <v>3652</v>
      </c>
      <c r="G1451"/>
      <c r="H1451"/>
      <c r="I1451"/>
      <c r="J1451"/>
    </row>
    <row r="1452" spans="1:10" x14ac:dyDescent="0.25">
      <c r="A1452" s="7"/>
      <c r="B1452" s="23"/>
      <c r="C1452" t="s">
        <v>1264</v>
      </c>
      <c r="D1452" s="23" t="s">
        <v>2241</v>
      </c>
      <c r="E1452" s="1" t="str">
        <f t="shared" ref="E1452:E1453" si="270" xml:space="preserve"> HYPERLINK(CONCATENATE("http://www.sap.com/community/tag.html?id=",$F1452))</f>
        <v>http://www.sap.com/community/tag.html?id=01200615320800000302</v>
      </c>
      <c r="F1452" s="23" t="s">
        <v>3653</v>
      </c>
      <c r="G1452"/>
      <c r="H1452"/>
      <c r="I1452"/>
      <c r="J1452"/>
    </row>
    <row r="1453" spans="1:10" x14ac:dyDescent="0.25">
      <c r="A1453" s="7"/>
      <c r="B1453"/>
      <c r="C1453" s="23" t="s">
        <v>656</v>
      </c>
      <c r="D1453" s="23" t="s">
        <v>2241</v>
      </c>
      <c r="E1453" s="1" t="str">
        <f t="shared" si="270"/>
        <v>http://www.sap.com/community/tag.html?id=01200314690800001223</v>
      </c>
      <c r="F1453" s="23" t="s">
        <v>3654</v>
      </c>
      <c r="G1453"/>
      <c r="H1453"/>
      <c r="I1453"/>
      <c r="J1453"/>
    </row>
    <row r="1454" spans="1:10" x14ac:dyDescent="0.25">
      <c r="A1454" s="7"/>
      <c r="B1454" s="23" t="s">
        <v>2049</v>
      </c>
      <c r="C1454"/>
      <c r="D1454" s="7" t="s">
        <v>5032</v>
      </c>
      <c r="E1454" s="1"/>
      <c r="F1454" s="23" t="s">
        <v>3655</v>
      </c>
      <c r="G1454"/>
      <c r="H1454"/>
      <c r="I1454"/>
      <c r="J1454"/>
    </row>
    <row r="1455" spans="1:10" x14ac:dyDescent="0.25">
      <c r="A1455" s="7"/>
      <c r="B1455"/>
      <c r="C1455" s="23" t="s">
        <v>2049</v>
      </c>
      <c r="D1455" s="23" t="s">
        <v>2241</v>
      </c>
      <c r="E1455" s="1" t="str">
        <f t="shared" ref="E1455" si="271" xml:space="preserve"> HYPERLINK(CONCATENATE("http://www.sap.com/community/tag.html?id=",$F1455))</f>
        <v>http://www.sap.com/community/tag.html?id=01200615320800000707</v>
      </c>
      <c r="F1455" s="23" t="s">
        <v>3656</v>
      </c>
      <c r="G1455"/>
      <c r="H1455"/>
      <c r="I1455"/>
      <c r="J1455"/>
    </row>
    <row r="1456" spans="1:10" x14ac:dyDescent="0.25">
      <c r="A1456" s="7"/>
      <c r="B1456" s="23" t="s">
        <v>1531</v>
      </c>
      <c r="C1456"/>
      <c r="D1456" s="7" t="s">
        <v>5032</v>
      </c>
      <c r="E1456" s="1"/>
      <c r="F1456" s="23" t="s">
        <v>3657</v>
      </c>
      <c r="G1456"/>
      <c r="H1456"/>
      <c r="I1456"/>
      <c r="J1456"/>
    </row>
    <row r="1457" spans="1:10" x14ac:dyDescent="0.25">
      <c r="A1457" s="7"/>
      <c r="B1457"/>
      <c r="C1457" s="23" t="s">
        <v>1531</v>
      </c>
      <c r="D1457" s="23" t="s">
        <v>2241</v>
      </c>
      <c r="E1457" s="1" t="str">
        <f t="shared" ref="E1457:E1458" si="272" xml:space="preserve"> HYPERLINK(CONCATENATE("http://www.sap.com/community/tag.html?id=",$F1457))</f>
        <v>http://www.sap.com/community/tag.html?id=01200314690800001681</v>
      </c>
      <c r="F1457" s="23" t="s">
        <v>3658</v>
      </c>
      <c r="G1457"/>
      <c r="H1457"/>
      <c r="I1457"/>
      <c r="J1457"/>
    </row>
    <row r="1458" spans="1:10" x14ac:dyDescent="0.25">
      <c r="A1458" s="7"/>
      <c r="B1458" s="23"/>
      <c r="C1458" t="s">
        <v>51</v>
      </c>
      <c r="D1458" s="23" t="s">
        <v>2241</v>
      </c>
      <c r="E1458" s="1" t="str">
        <f t="shared" si="272"/>
        <v>http://www.sap.com/community/tag.html?id=01200314690800003677</v>
      </c>
      <c r="F1458" s="23" t="s">
        <v>3659</v>
      </c>
      <c r="G1458"/>
      <c r="H1458"/>
      <c r="I1458"/>
      <c r="J1458"/>
    </row>
    <row r="1459" spans="1:10" x14ac:dyDescent="0.25">
      <c r="A1459" s="7"/>
      <c r="B1459" t="s">
        <v>1742</v>
      </c>
      <c r="C1459" s="23"/>
      <c r="D1459" s="7" t="s">
        <v>5032</v>
      </c>
      <c r="E1459" s="1"/>
      <c r="F1459" s="23" t="s">
        <v>3660</v>
      </c>
      <c r="G1459"/>
      <c r="H1459"/>
      <c r="I1459"/>
      <c r="J1459"/>
    </row>
    <row r="1460" spans="1:10" x14ac:dyDescent="0.25">
      <c r="A1460" s="7"/>
      <c r="B1460" s="23"/>
      <c r="C1460" t="s">
        <v>1742</v>
      </c>
      <c r="D1460" s="23" t="s">
        <v>2241</v>
      </c>
      <c r="E1460" s="1" t="str">
        <f t="shared" ref="E1460" si="273" xml:space="preserve"> HYPERLINK(CONCATENATE("http://www.sap.com/community/tag.html?id=",$F1460))</f>
        <v>http://www.sap.com/community/tag.html?id=01200615320800003586</v>
      </c>
      <c r="F1460" s="23" t="s">
        <v>3661</v>
      </c>
      <c r="G1460"/>
      <c r="H1460"/>
      <c r="I1460"/>
      <c r="J1460"/>
    </row>
    <row r="1461" spans="1:10" x14ac:dyDescent="0.25">
      <c r="A1461" s="7"/>
      <c r="B1461" t="s">
        <v>997</v>
      </c>
      <c r="C1461" s="23"/>
      <c r="D1461" s="7" t="s">
        <v>5032</v>
      </c>
      <c r="E1461" s="1"/>
      <c r="F1461" s="23" t="s">
        <v>3662</v>
      </c>
      <c r="G1461"/>
      <c r="H1461"/>
      <c r="I1461"/>
      <c r="J1461"/>
    </row>
    <row r="1462" spans="1:10" x14ac:dyDescent="0.25">
      <c r="A1462" s="7"/>
      <c r="B1462" s="23"/>
      <c r="C1462" t="s">
        <v>997</v>
      </c>
      <c r="D1462" s="23" t="s">
        <v>2241</v>
      </c>
      <c r="E1462" s="1" t="str">
        <f t="shared" ref="E1462" si="274" xml:space="preserve"> HYPERLINK(CONCATENATE("http://www.sap.com/community/tag.html?id=",$F1462))</f>
        <v>http://www.sap.com/community/tag.html?id=01200314690800001944</v>
      </c>
      <c r="F1462" s="23" t="s">
        <v>3663</v>
      </c>
      <c r="G1462"/>
      <c r="H1462"/>
      <c r="I1462"/>
      <c r="J1462"/>
    </row>
    <row r="1463" spans="1:10" x14ac:dyDescent="0.25">
      <c r="A1463" s="7"/>
      <c r="B1463" t="s">
        <v>1644</v>
      </c>
      <c r="C1463" s="23"/>
      <c r="D1463" s="7" t="s">
        <v>5032</v>
      </c>
      <c r="E1463" s="1"/>
      <c r="F1463" s="23" t="s">
        <v>3664</v>
      </c>
      <c r="G1463"/>
      <c r="H1463"/>
      <c r="I1463"/>
      <c r="J1463"/>
    </row>
    <row r="1464" spans="1:10" x14ac:dyDescent="0.25">
      <c r="A1464" s="7"/>
      <c r="B1464"/>
      <c r="C1464" s="23" t="s">
        <v>1644</v>
      </c>
      <c r="D1464" s="23" t="s">
        <v>2241</v>
      </c>
      <c r="E1464" s="1" t="str">
        <f t="shared" ref="E1464" si="275" xml:space="preserve"> HYPERLINK(CONCATENATE("http://www.sap.com/community/tag.html?id=",$F1464))</f>
        <v>http://www.sap.com/community/tag.html?id=01200615320800002969</v>
      </c>
      <c r="F1464" s="23" t="s">
        <v>3665</v>
      </c>
      <c r="G1464"/>
      <c r="H1464"/>
      <c r="I1464"/>
      <c r="J1464"/>
    </row>
    <row r="1465" spans="1:10" x14ac:dyDescent="0.25">
      <c r="A1465" s="7"/>
      <c r="B1465" t="s">
        <v>1709</v>
      </c>
      <c r="C1465" s="23"/>
      <c r="D1465" s="7" t="s">
        <v>5032</v>
      </c>
      <c r="E1465" s="1"/>
      <c r="F1465" s="23" t="s">
        <v>3666</v>
      </c>
      <c r="G1465"/>
      <c r="H1465"/>
      <c r="I1465"/>
      <c r="J1465"/>
    </row>
    <row r="1466" spans="1:10" x14ac:dyDescent="0.25">
      <c r="A1466" s="7"/>
      <c r="B1466" s="23"/>
      <c r="C1466" t="s">
        <v>385</v>
      </c>
      <c r="D1466" s="23" t="s">
        <v>2241</v>
      </c>
      <c r="E1466" s="1" t="str">
        <f t="shared" ref="E1466" si="276" xml:space="preserve"> HYPERLINK(CONCATENATE("http://www.sap.com/community/tag.html?id=",$F1466))</f>
        <v>http://www.sap.com/community/tag.html?id=67837800100800005828</v>
      </c>
      <c r="F1466" s="23" t="s">
        <v>3667</v>
      </c>
      <c r="G1466"/>
      <c r="H1466"/>
      <c r="I1466"/>
      <c r="J1466"/>
    </row>
    <row r="1467" spans="1:10" x14ac:dyDescent="0.25">
      <c r="A1467" s="7"/>
      <c r="B1467" t="s">
        <v>246</v>
      </c>
      <c r="C1467" s="23"/>
      <c r="D1467" s="7" t="s">
        <v>5032</v>
      </c>
      <c r="E1467" s="1"/>
      <c r="F1467" s="23" t="s">
        <v>3668</v>
      </c>
      <c r="G1467"/>
      <c r="H1467"/>
      <c r="I1467"/>
      <c r="J1467"/>
    </row>
    <row r="1468" spans="1:10" x14ac:dyDescent="0.25">
      <c r="A1468" s="7"/>
      <c r="B1468" s="23"/>
      <c r="C1468" t="s">
        <v>246</v>
      </c>
      <c r="D1468" s="23" t="s">
        <v>2241</v>
      </c>
      <c r="E1468" s="1" t="str">
        <f t="shared" ref="E1468" si="277" xml:space="preserve"> HYPERLINK(CONCATENATE("http://www.sap.com/community/tag.html?id=",$F1468))</f>
        <v>http://www.sap.com/community/tag.html?id=01200615320800003637</v>
      </c>
      <c r="F1468" s="23" t="s">
        <v>3669</v>
      </c>
      <c r="G1468"/>
      <c r="H1468"/>
      <c r="I1468"/>
      <c r="J1468"/>
    </row>
    <row r="1469" spans="1:10" x14ac:dyDescent="0.25">
      <c r="A1469" s="7"/>
      <c r="B1469" t="s">
        <v>15</v>
      </c>
      <c r="C1469" s="23"/>
      <c r="D1469" s="7" t="s">
        <v>5032</v>
      </c>
      <c r="E1469" s="1"/>
      <c r="F1469" s="23" t="s">
        <v>3670</v>
      </c>
      <c r="G1469"/>
      <c r="H1469"/>
      <c r="I1469"/>
      <c r="J1469"/>
    </row>
    <row r="1470" spans="1:10" x14ac:dyDescent="0.25">
      <c r="A1470" s="7"/>
      <c r="B1470" s="23"/>
      <c r="C1470" t="s">
        <v>1891</v>
      </c>
      <c r="D1470" s="23" t="s">
        <v>2241</v>
      </c>
      <c r="E1470" s="1" t="str">
        <f t="shared" ref="E1470:E1472" si="278" xml:space="preserve"> HYPERLINK(CONCATENATE("http://www.sap.com/community/tag.html?id=",$F1470))</f>
        <v>http://www.sap.com/community/tag.html?id=67837800100800004427</v>
      </c>
      <c r="F1470" s="23" t="s">
        <v>3671</v>
      </c>
      <c r="G1470"/>
      <c r="H1470"/>
      <c r="I1470"/>
      <c r="J1470"/>
    </row>
    <row r="1471" spans="1:10" x14ac:dyDescent="0.25">
      <c r="A1471" s="7"/>
      <c r="B1471"/>
      <c r="C1471" s="23" t="s">
        <v>135</v>
      </c>
      <c r="D1471" s="23" t="s">
        <v>2241</v>
      </c>
      <c r="E1471" s="1" t="str">
        <f t="shared" si="278"/>
        <v>http://www.sap.com/community/tag.html?id=01200615320800003056</v>
      </c>
      <c r="F1471" s="23" t="s">
        <v>3672</v>
      </c>
      <c r="G1471"/>
      <c r="H1471"/>
      <c r="I1471"/>
      <c r="J1471"/>
    </row>
    <row r="1472" spans="1:10" x14ac:dyDescent="0.25">
      <c r="A1472" s="7"/>
      <c r="B1472" s="23"/>
      <c r="C1472" t="s">
        <v>15</v>
      </c>
      <c r="D1472" s="23" t="s">
        <v>2241</v>
      </c>
      <c r="E1472" s="1" t="str">
        <f t="shared" si="278"/>
        <v>http://www.sap.com/community/tag.html?id=67837800100800004307</v>
      </c>
      <c r="F1472" s="23" t="s">
        <v>3673</v>
      </c>
      <c r="G1472"/>
      <c r="H1472"/>
      <c r="I1472"/>
      <c r="J1472"/>
    </row>
    <row r="1473" spans="1:10" x14ac:dyDescent="0.25">
      <c r="A1473" s="7"/>
      <c r="B1473" t="s">
        <v>643</v>
      </c>
      <c r="C1473" s="23"/>
      <c r="D1473" s="7" t="s">
        <v>5032</v>
      </c>
      <c r="E1473" s="1"/>
      <c r="F1473" s="23" t="s">
        <v>3674</v>
      </c>
      <c r="G1473"/>
      <c r="H1473"/>
      <c r="I1473"/>
      <c r="J1473"/>
    </row>
    <row r="1474" spans="1:10" x14ac:dyDescent="0.25">
      <c r="A1474" s="7"/>
      <c r="B1474" s="23"/>
      <c r="C1474" t="s">
        <v>643</v>
      </c>
      <c r="D1474" s="23" t="s">
        <v>2241</v>
      </c>
      <c r="E1474" s="1" t="str">
        <f t="shared" ref="E1474" si="279" xml:space="preserve"> HYPERLINK(CONCATENATE("http://www.sap.com/community/tag.html?id=",$F1474))</f>
        <v>http://www.sap.com/community/tag.html?id=73555000100800000403</v>
      </c>
      <c r="F1474" s="23" t="s">
        <v>3675</v>
      </c>
      <c r="G1474"/>
      <c r="H1474"/>
      <c r="I1474"/>
      <c r="J1474"/>
    </row>
    <row r="1475" spans="1:10" x14ac:dyDescent="0.25">
      <c r="A1475" s="7"/>
      <c r="B1475" t="s">
        <v>1976</v>
      </c>
      <c r="C1475" s="23"/>
      <c r="D1475" s="7" t="s">
        <v>5032</v>
      </c>
      <c r="E1475" s="1"/>
      <c r="F1475" s="23" t="s">
        <v>3676</v>
      </c>
      <c r="G1475"/>
      <c r="H1475"/>
      <c r="I1475"/>
      <c r="J1475"/>
    </row>
    <row r="1476" spans="1:10" x14ac:dyDescent="0.25">
      <c r="A1476" s="7"/>
      <c r="B1476" s="23"/>
      <c r="C1476" t="s">
        <v>1976</v>
      </c>
      <c r="D1476" s="23" t="s">
        <v>2241</v>
      </c>
      <c r="E1476" s="1" t="str">
        <f t="shared" ref="E1476" si="280" xml:space="preserve"> HYPERLINK(CONCATENATE("http://www.sap.com/community/tag.html?id=",$F1476))</f>
        <v>http://www.sap.com/community/tag.html?id=67837800100800005636</v>
      </c>
      <c r="F1476" s="23" t="s">
        <v>3677</v>
      </c>
      <c r="G1476"/>
      <c r="H1476"/>
      <c r="I1476"/>
      <c r="J1476"/>
    </row>
    <row r="1477" spans="1:10" x14ac:dyDescent="0.25">
      <c r="A1477" s="7"/>
      <c r="B1477" t="s">
        <v>2163</v>
      </c>
      <c r="C1477" s="23"/>
      <c r="D1477" s="7" t="s">
        <v>5032</v>
      </c>
      <c r="E1477" s="1"/>
      <c r="F1477" s="23" t="s">
        <v>3678</v>
      </c>
      <c r="G1477"/>
      <c r="H1477"/>
      <c r="I1477"/>
      <c r="J1477"/>
    </row>
    <row r="1478" spans="1:10" x14ac:dyDescent="0.25">
      <c r="A1478" s="7"/>
      <c r="B1478" s="23"/>
      <c r="C1478" t="s">
        <v>1133</v>
      </c>
      <c r="D1478" s="23" t="s">
        <v>2241</v>
      </c>
      <c r="E1478" s="1" t="str">
        <f t="shared" ref="E1478" si="281" xml:space="preserve"> HYPERLINK(CONCATENATE("http://www.sap.com/community/tag.html?id=",$F1478))</f>
        <v>http://www.sap.com/community/tag.html?id=67837800100800006743</v>
      </c>
      <c r="F1478" s="23" t="s">
        <v>3679</v>
      </c>
      <c r="G1478"/>
      <c r="H1478"/>
      <c r="I1478"/>
      <c r="J1478"/>
    </row>
    <row r="1479" spans="1:10" x14ac:dyDescent="0.25">
      <c r="A1479" s="7"/>
      <c r="B1479" t="s">
        <v>1407</v>
      </c>
      <c r="C1479" s="23"/>
      <c r="D1479" s="7" t="s">
        <v>5032</v>
      </c>
      <c r="E1479" s="1"/>
      <c r="F1479" s="23" t="s">
        <v>3680</v>
      </c>
      <c r="G1479"/>
      <c r="H1479"/>
      <c r="I1479"/>
      <c r="J1479"/>
    </row>
    <row r="1480" spans="1:10" x14ac:dyDescent="0.25">
      <c r="A1480" s="7"/>
      <c r="B1480" s="23"/>
      <c r="C1480" t="s">
        <v>1407</v>
      </c>
      <c r="D1480" s="23" t="s">
        <v>2241</v>
      </c>
      <c r="E1480" s="1" t="str">
        <f t="shared" ref="E1480" si="282" xml:space="preserve"> HYPERLINK(CONCATENATE("http://www.sap.com/community/tag.html?id=",$F1480))</f>
        <v>http://www.sap.com/community/tag.html?id=01200314690800000171</v>
      </c>
      <c r="F1480" s="23" t="s">
        <v>3681</v>
      </c>
      <c r="G1480"/>
      <c r="H1480"/>
      <c r="I1480"/>
      <c r="J1480"/>
    </row>
    <row r="1481" spans="1:10" x14ac:dyDescent="0.25">
      <c r="A1481" s="7"/>
      <c r="B1481" t="s">
        <v>9</v>
      </c>
      <c r="C1481" s="23"/>
      <c r="D1481" s="7" t="s">
        <v>5032</v>
      </c>
      <c r="E1481" s="1"/>
      <c r="F1481" s="23" t="s">
        <v>3682</v>
      </c>
      <c r="G1481"/>
      <c r="H1481"/>
      <c r="I1481"/>
      <c r="J1481"/>
    </row>
    <row r="1482" spans="1:10" x14ac:dyDescent="0.25">
      <c r="A1482" s="7"/>
      <c r="B1482" s="23"/>
      <c r="C1482" t="s">
        <v>9</v>
      </c>
      <c r="D1482" s="23" t="s">
        <v>2241</v>
      </c>
      <c r="E1482" s="1" t="str">
        <f t="shared" ref="E1482" si="283" xml:space="preserve"> HYPERLINK(CONCATENATE("http://www.sap.com/community/tag.html?id=",$F1482))</f>
        <v>http://www.sap.com/community/tag.html?id=01200615320800000677</v>
      </c>
      <c r="F1482" s="23" t="s">
        <v>3683</v>
      </c>
      <c r="G1482"/>
      <c r="H1482"/>
      <c r="I1482"/>
      <c r="J1482"/>
    </row>
    <row r="1483" spans="1:10" x14ac:dyDescent="0.25">
      <c r="A1483" s="7"/>
      <c r="B1483" t="s">
        <v>1950</v>
      </c>
      <c r="C1483" s="23"/>
      <c r="D1483" s="7" t="s">
        <v>5032</v>
      </c>
      <c r="E1483" s="1"/>
      <c r="F1483" s="23" t="s">
        <v>3684</v>
      </c>
      <c r="G1483"/>
      <c r="H1483"/>
      <c r="I1483"/>
      <c r="J1483"/>
    </row>
    <row r="1484" spans="1:10" x14ac:dyDescent="0.25">
      <c r="A1484" s="7"/>
      <c r="B1484"/>
      <c r="C1484" s="23" t="s">
        <v>1950</v>
      </c>
      <c r="D1484" s="23" t="s">
        <v>2241</v>
      </c>
      <c r="E1484" s="1" t="str">
        <f t="shared" ref="E1484" si="284" xml:space="preserve"> HYPERLINK(CONCATENATE("http://www.sap.com/community/tag.html?id=",$F1484))</f>
        <v>http://www.sap.com/community/tag.html?id=01200615320800002136</v>
      </c>
      <c r="F1484" s="23" t="s">
        <v>3685</v>
      </c>
      <c r="G1484"/>
      <c r="H1484"/>
      <c r="I1484"/>
      <c r="J1484"/>
    </row>
    <row r="1485" spans="1:10" x14ac:dyDescent="0.25">
      <c r="A1485" s="7"/>
      <c r="B1485" t="s">
        <v>999</v>
      </c>
      <c r="C1485" s="23"/>
      <c r="D1485" s="7" t="s">
        <v>5032</v>
      </c>
      <c r="E1485" s="1"/>
      <c r="F1485" s="23" t="s">
        <v>3686</v>
      </c>
      <c r="G1485"/>
      <c r="H1485"/>
      <c r="I1485"/>
      <c r="J1485"/>
    </row>
    <row r="1486" spans="1:10" x14ac:dyDescent="0.25">
      <c r="A1486" s="7"/>
      <c r="B1486"/>
      <c r="C1486" s="23" t="s">
        <v>999</v>
      </c>
      <c r="D1486" s="23" t="s">
        <v>2241</v>
      </c>
      <c r="E1486" s="1" t="str">
        <f t="shared" ref="E1486" si="285" xml:space="preserve"> HYPERLINK(CONCATENATE("http://www.sap.com/community/tag.html?id=",$F1486))</f>
        <v>http://www.sap.com/community/tag.html?id=01200314690800000567</v>
      </c>
      <c r="F1486" s="23" t="s">
        <v>3687</v>
      </c>
      <c r="G1486"/>
      <c r="H1486"/>
      <c r="I1486"/>
      <c r="J1486"/>
    </row>
    <row r="1487" spans="1:10" x14ac:dyDescent="0.25">
      <c r="A1487" s="7"/>
      <c r="B1487" t="s">
        <v>25</v>
      </c>
      <c r="C1487" s="23"/>
      <c r="D1487" s="7" t="s">
        <v>5032</v>
      </c>
      <c r="E1487" s="1"/>
      <c r="F1487" s="23" t="s">
        <v>3688</v>
      </c>
      <c r="G1487"/>
      <c r="H1487"/>
      <c r="I1487"/>
      <c r="J1487"/>
    </row>
    <row r="1488" spans="1:10" x14ac:dyDescent="0.25">
      <c r="A1488" s="7"/>
      <c r="B1488" s="23"/>
      <c r="C1488" t="s">
        <v>25</v>
      </c>
      <c r="D1488" s="23" t="s">
        <v>2241</v>
      </c>
      <c r="E1488" s="1" t="str">
        <f t="shared" ref="E1488" si="286" xml:space="preserve"> HYPERLINK(CONCATENATE("http://www.sap.com/community/tag.html?id=",$F1488))</f>
        <v>http://www.sap.com/community/tag.html?id=01200615320800000727</v>
      </c>
      <c r="F1488" s="23" t="s">
        <v>3689</v>
      </c>
      <c r="G1488"/>
      <c r="H1488"/>
      <c r="I1488"/>
      <c r="J1488"/>
    </row>
    <row r="1489" spans="1:10" x14ac:dyDescent="0.25">
      <c r="A1489" s="7"/>
      <c r="B1489" t="s">
        <v>1903</v>
      </c>
      <c r="C1489" s="23"/>
      <c r="D1489" s="7" t="s">
        <v>5032</v>
      </c>
      <c r="E1489" s="1"/>
      <c r="F1489" s="23" t="s">
        <v>3690</v>
      </c>
      <c r="G1489"/>
      <c r="H1489"/>
      <c r="I1489"/>
      <c r="J1489"/>
    </row>
    <row r="1490" spans="1:10" x14ac:dyDescent="0.25">
      <c r="A1490" s="7"/>
      <c r="B1490"/>
      <c r="C1490" s="23" t="s">
        <v>1903</v>
      </c>
      <c r="D1490" s="23" t="s">
        <v>2241</v>
      </c>
      <c r="E1490" s="1" t="str">
        <f t="shared" ref="E1490:E1494" si="287" xml:space="preserve"> HYPERLINK(CONCATENATE("http://www.sap.com/community/tag.html?id=",$F1490))</f>
        <v>http://www.sap.com/community/tag.html?id=01200615320800003829</v>
      </c>
      <c r="F1490" s="23" t="s">
        <v>3691</v>
      </c>
      <c r="G1490"/>
      <c r="H1490"/>
      <c r="I1490"/>
      <c r="J1490"/>
    </row>
    <row r="1491" spans="1:10" x14ac:dyDescent="0.25">
      <c r="A1491" s="7"/>
      <c r="B1491" s="23"/>
      <c r="C1491" t="s">
        <v>1065</v>
      </c>
      <c r="D1491" s="23" t="s">
        <v>2241</v>
      </c>
      <c r="E1491" s="1" t="str">
        <f t="shared" si="287"/>
        <v>http://www.sap.com/community/tag.html?id=01200615320800003841</v>
      </c>
      <c r="F1491" s="23" t="s">
        <v>3692</v>
      </c>
      <c r="G1491"/>
      <c r="H1491"/>
      <c r="I1491"/>
      <c r="J1491"/>
    </row>
    <row r="1492" spans="1:10" x14ac:dyDescent="0.25">
      <c r="A1492" s="7"/>
      <c r="B1492"/>
      <c r="C1492" s="23" t="s">
        <v>1149</v>
      </c>
      <c r="D1492" s="23" t="s">
        <v>2241</v>
      </c>
      <c r="E1492" s="1" t="str">
        <f t="shared" si="287"/>
        <v>http://www.sap.com/community/tag.html?id=67837800100800004921</v>
      </c>
      <c r="F1492" s="23" t="s">
        <v>3693</v>
      </c>
      <c r="G1492"/>
      <c r="H1492"/>
      <c r="I1492"/>
      <c r="J1492"/>
    </row>
    <row r="1493" spans="1:10" x14ac:dyDescent="0.25">
      <c r="A1493" s="7"/>
      <c r="B1493" s="23"/>
      <c r="C1493" t="s">
        <v>1249</v>
      </c>
      <c r="D1493" s="23" t="s">
        <v>2241</v>
      </c>
      <c r="E1493" s="1" t="str">
        <f t="shared" si="287"/>
        <v>http://www.sap.com/community/tag.html?id=67838200100800005481</v>
      </c>
      <c r="F1493" s="23" t="s">
        <v>3694</v>
      </c>
      <c r="G1493"/>
      <c r="H1493"/>
      <c r="I1493"/>
      <c r="J1493"/>
    </row>
    <row r="1494" spans="1:10" x14ac:dyDescent="0.25">
      <c r="A1494" s="7"/>
      <c r="B1494"/>
      <c r="C1494" s="23" t="s">
        <v>241</v>
      </c>
      <c r="D1494" s="23" t="s">
        <v>2241</v>
      </c>
      <c r="E1494" s="1" t="str">
        <f t="shared" si="287"/>
        <v>http://www.sap.com/community/tag.html?id=67838200100800004270</v>
      </c>
      <c r="F1494" s="23" t="s">
        <v>3695</v>
      </c>
      <c r="G1494"/>
      <c r="H1494"/>
      <c r="I1494"/>
      <c r="J1494"/>
    </row>
    <row r="1495" spans="1:10" x14ac:dyDescent="0.25">
      <c r="A1495" s="7"/>
      <c r="B1495" s="23" t="s">
        <v>5381</v>
      </c>
      <c r="C1495"/>
      <c r="D1495" s="7" t="s">
        <v>5032</v>
      </c>
      <c r="E1495" s="1"/>
      <c r="F1495" s="23" t="s">
        <v>5346</v>
      </c>
      <c r="G1495"/>
      <c r="H1495"/>
      <c r="I1495"/>
      <c r="J1495"/>
    </row>
    <row r="1496" spans="1:10" x14ac:dyDescent="0.25">
      <c r="A1496" s="7"/>
      <c r="B1496"/>
      <c r="C1496" s="23" t="s">
        <v>5382</v>
      </c>
      <c r="D1496" s="23" t="s">
        <v>2241</v>
      </c>
      <c r="E1496" s="1" t="str">
        <f t="shared" ref="E1496:E1497" si="288" xml:space="preserve"> HYPERLINK(CONCATENATE("http://www.sap.com/community/tag.html?id=",$F1496))</f>
        <v>http://www.sap.com/community/tag.html?id=73554900100800000561</v>
      </c>
      <c r="F1496" s="23" t="s">
        <v>5347</v>
      </c>
      <c r="G1496"/>
      <c r="H1496"/>
      <c r="I1496"/>
      <c r="J1496"/>
    </row>
    <row r="1497" spans="1:10" x14ac:dyDescent="0.25">
      <c r="A1497" s="7"/>
      <c r="B1497" s="23"/>
      <c r="C1497" t="s">
        <v>5383</v>
      </c>
      <c r="D1497" s="23" t="s">
        <v>2241</v>
      </c>
      <c r="E1497" s="1" t="str">
        <f t="shared" si="288"/>
        <v>http://www.sap.com/community/tag.html?id=01200314690800001318</v>
      </c>
      <c r="F1497" s="23" t="s">
        <v>3637</v>
      </c>
      <c r="G1497"/>
      <c r="H1497"/>
      <c r="I1497"/>
      <c r="J1497"/>
    </row>
    <row r="1498" spans="1:10" x14ac:dyDescent="0.25">
      <c r="A1498" s="7"/>
      <c r="B1498" t="s">
        <v>393</v>
      </c>
      <c r="C1498" s="23"/>
      <c r="D1498" s="7" t="s">
        <v>5032</v>
      </c>
      <c r="E1498" s="1"/>
      <c r="F1498" s="23" t="s">
        <v>3696</v>
      </c>
      <c r="G1498"/>
      <c r="H1498"/>
      <c r="I1498"/>
      <c r="J1498"/>
    </row>
    <row r="1499" spans="1:10" x14ac:dyDescent="0.25">
      <c r="A1499" s="7"/>
      <c r="B1499"/>
      <c r="C1499" s="23" t="s">
        <v>393</v>
      </c>
      <c r="D1499" s="23" t="s">
        <v>2241</v>
      </c>
      <c r="E1499" s="1" t="str">
        <f t="shared" ref="E1499" si="289" xml:space="preserve"> HYPERLINK(CONCATENATE("http://www.sap.com/community/tag.html?id=",$F1499))</f>
        <v>http://www.sap.com/community/tag.html?id=01200615320800000263</v>
      </c>
      <c r="F1499" s="23" t="s">
        <v>3697</v>
      </c>
      <c r="G1499"/>
      <c r="H1499"/>
      <c r="I1499"/>
      <c r="J1499"/>
    </row>
    <row r="1500" spans="1:10" x14ac:dyDescent="0.25">
      <c r="A1500" s="7"/>
      <c r="B1500" t="s">
        <v>1425</v>
      </c>
      <c r="C1500" s="23"/>
      <c r="D1500" s="7" t="s">
        <v>5032</v>
      </c>
      <c r="E1500" s="1"/>
      <c r="F1500" s="23" t="s">
        <v>3698</v>
      </c>
      <c r="G1500"/>
      <c r="H1500"/>
      <c r="I1500"/>
      <c r="J1500"/>
    </row>
    <row r="1501" spans="1:10" x14ac:dyDescent="0.25">
      <c r="A1501" s="7"/>
      <c r="B1501" s="23"/>
      <c r="C1501" t="s">
        <v>1425</v>
      </c>
      <c r="D1501" s="23" t="s">
        <v>2241</v>
      </c>
      <c r="E1501" s="1" t="str">
        <f t="shared" ref="E1501" si="290" xml:space="preserve"> HYPERLINK(CONCATENATE("http://www.sap.com/community/tag.html?id=",$F1501))</f>
        <v>http://www.sap.com/community/tag.html?id=67837800100800006805</v>
      </c>
      <c r="F1501" s="23" t="s">
        <v>3699</v>
      </c>
      <c r="G1501"/>
      <c r="H1501"/>
      <c r="I1501"/>
      <c r="J1501"/>
    </row>
    <row r="1502" spans="1:10" x14ac:dyDescent="0.25">
      <c r="A1502" s="7"/>
      <c r="B1502" t="s">
        <v>1967</v>
      </c>
      <c r="C1502" s="23"/>
      <c r="D1502" s="7" t="s">
        <v>5032</v>
      </c>
      <c r="E1502" s="1"/>
      <c r="F1502" s="23" t="s">
        <v>3700</v>
      </c>
      <c r="G1502"/>
      <c r="H1502"/>
      <c r="I1502"/>
      <c r="J1502"/>
    </row>
    <row r="1503" spans="1:10" x14ac:dyDescent="0.25">
      <c r="A1503" s="7"/>
      <c r="B1503"/>
      <c r="C1503" s="23" t="s">
        <v>1967</v>
      </c>
      <c r="D1503" s="23" t="s">
        <v>2241</v>
      </c>
      <c r="E1503" s="1" t="str">
        <f t="shared" ref="E1503" si="291" xml:space="preserve"> HYPERLINK(CONCATENATE("http://www.sap.com/community/tag.html?id=",$F1503))</f>
        <v>http://www.sap.com/community/tag.html?id=67837800100800005970</v>
      </c>
      <c r="F1503" s="23" t="s">
        <v>3701</v>
      </c>
      <c r="G1503"/>
      <c r="H1503"/>
      <c r="I1503"/>
      <c r="J1503"/>
    </row>
    <row r="1504" spans="1:10" x14ac:dyDescent="0.25">
      <c r="A1504" s="7"/>
      <c r="B1504" s="23" t="s">
        <v>1580</v>
      </c>
      <c r="C1504"/>
      <c r="D1504" s="7" t="s">
        <v>5032</v>
      </c>
      <c r="E1504" s="1"/>
      <c r="F1504" s="23" t="s">
        <v>3702</v>
      </c>
      <c r="G1504"/>
      <c r="H1504"/>
      <c r="I1504"/>
      <c r="J1504"/>
    </row>
    <row r="1505" spans="1:10" x14ac:dyDescent="0.25">
      <c r="A1505" s="7"/>
      <c r="B1505"/>
      <c r="C1505" s="23" t="s">
        <v>1580</v>
      </c>
      <c r="D1505" s="23" t="s">
        <v>2241</v>
      </c>
      <c r="E1505" s="1" t="str">
        <f t="shared" ref="E1505:E1507" si="292" xml:space="preserve"> HYPERLINK(CONCATENATE("http://www.sap.com/community/tag.html?id=",$F1505))</f>
        <v>http://www.sap.com/community/tag.html?id=01200615320800001156</v>
      </c>
      <c r="F1505" s="23" t="s">
        <v>3703</v>
      </c>
      <c r="G1505"/>
      <c r="H1505"/>
      <c r="I1505"/>
      <c r="J1505"/>
    </row>
    <row r="1506" spans="1:10" x14ac:dyDescent="0.25">
      <c r="A1506" s="7"/>
      <c r="B1506" s="23"/>
      <c r="C1506" t="s">
        <v>119</v>
      </c>
      <c r="D1506" s="23" t="s">
        <v>2241</v>
      </c>
      <c r="E1506" s="1" t="str">
        <f t="shared" si="292"/>
        <v>http://www.sap.com/community/tag.html?id=73554900100800000491</v>
      </c>
      <c r="F1506" s="23" t="s">
        <v>3704</v>
      </c>
      <c r="G1506"/>
      <c r="H1506"/>
      <c r="I1506"/>
      <c r="J1506"/>
    </row>
    <row r="1507" spans="1:10" x14ac:dyDescent="0.25">
      <c r="A1507" s="7"/>
      <c r="B1507"/>
      <c r="C1507" s="23" t="s">
        <v>1221</v>
      </c>
      <c r="D1507" s="23" t="s">
        <v>2241</v>
      </c>
      <c r="E1507" s="1" t="str">
        <f t="shared" si="292"/>
        <v>http://www.sap.com/community/tag.html?id=01200314690800001017</v>
      </c>
      <c r="F1507" s="23" t="s">
        <v>3705</v>
      </c>
      <c r="G1507"/>
      <c r="H1507"/>
      <c r="I1507"/>
      <c r="J1507"/>
    </row>
    <row r="1508" spans="1:10" x14ac:dyDescent="0.25">
      <c r="A1508" s="7"/>
      <c r="B1508" s="23" t="s">
        <v>1043</v>
      </c>
      <c r="C1508"/>
      <c r="D1508" s="7" t="s">
        <v>5032</v>
      </c>
      <c r="E1508" s="1"/>
      <c r="F1508" s="23" t="s">
        <v>3706</v>
      </c>
      <c r="G1508"/>
      <c r="H1508"/>
      <c r="I1508"/>
      <c r="J1508"/>
    </row>
    <row r="1509" spans="1:10" x14ac:dyDescent="0.25">
      <c r="A1509" s="7"/>
      <c r="B1509"/>
      <c r="C1509" s="23" t="s">
        <v>430</v>
      </c>
      <c r="D1509" s="23" t="s">
        <v>2241</v>
      </c>
      <c r="E1509" s="1" t="str">
        <f t="shared" ref="E1509:E1510" si="293" xml:space="preserve"> HYPERLINK(CONCATENATE("http://www.sap.com/community/tag.html?id=",$F1509))</f>
        <v>http://www.sap.com/community/tag.html?id=01200615320800000938</v>
      </c>
      <c r="F1509" s="23" t="s">
        <v>3707</v>
      </c>
      <c r="G1509"/>
      <c r="H1509"/>
      <c r="I1509"/>
      <c r="J1509"/>
    </row>
    <row r="1510" spans="1:10" x14ac:dyDescent="0.25">
      <c r="A1510" s="7"/>
      <c r="B1510" s="23"/>
      <c r="C1510" t="s">
        <v>1043</v>
      </c>
      <c r="D1510" s="23" t="s">
        <v>2241</v>
      </c>
      <c r="E1510" s="1" t="str">
        <f t="shared" si="293"/>
        <v>http://www.sap.com/community/tag.html?id=01200615320800000234</v>
      </c>
      <c r="F1510" s="23" t="s">
        <v>3708</v>
      </c>
      <c r="G1510"/>
      <c r="H1510"/>
      <c r="I1510"/>
      <c r="J1510"/>
    </row>
    <row r="1511" spans="1:10" x14ac:dyDescent="0.25">
      <c r="A1511" s="7"/>
      <c r="B1511" t="s">
        <v>111</v>
      </c>
      <c r="C1511" s="23"/>
      <c r="D1511" s="7" t="s">
        <v>5032</v>
      </c>
      <c r="E1511" s="1"/>
      <c r="F1511" s="23" t="s">
        <v>3709</v>
      </c>
      <c r="G1511"/>
      <c r="H1511"/>
      <c r="I1511"/>
      <c r="J1511"/>
    </row>
    <row r="1512" spans="1:10" x14ac:dyDescent="0.25">
      <c r="A1512" s="7"/>
      <c r="B1512" s="23"/>
      <c r="C1512" t="s">
        <v>111</v>
      </c>
      <c r="D1512" s="23" t="s">
        <v>2241</v>
      </c>
      <c r="E1512" s="1" t="str">
        <f t="shared" ref="E1512" si="294" xml:space="preserve"> HYPERLINK(CONCATENATE("http://www.sap.com/community/tag.html?id=",$F1512))</f>
        <v>http://www.sap.com/community/tag.html?id=67838200100800005191</v>
      </c>
      <c r="F1512" s="23" t="s">
        <v>3710</v>
      </c>
      <c r="G1512"/>
      <c r="H1512"/>
      <c r="I1512"/>
      <c r="J1512"/>
    </row>
    <row r="1513" spans="1:10" x14ac:dyDescent="0.25">
      <c r="A1513" s="7"/>
      <c r="B1513" t="s">
        <v>1277</v>
      </c>
      <c r="C1513" s="23"/>
      <c r="D1513" s="7" t="s">
        <v>5032</v>
      </c>
      <c r="E1513" s="1"/>
      <c r="F1513" s="23" t="s">
        <v>3711</v>
      </c>
      <c r="G1513"/>
      <c r="H1513"/>
      <c r="I1513"/>
      <c r="J1513"/>
    </row>
    <row r="1514" spans="1:10" x14ac:dyDescent="0.25">
      <c r="A1514" s="7"/>
      <c r="B1514" s="23"/>
      <c r="C1514" t="s">
        <v>1277</v>
      </c>
      <c r="D1514" s="23" t="s">
        <v>2241</v>
      </c>
      <c r="E1514" s="1" t="str">
        <f t="shared" ref="E1514" si="295" xml:space="preserve"> HYPERLINK(CONCATENATE("http://www.sap.com/community/tag.html?id=",$F1514))</f>
        <v>http://www.sap.com/community/tag.html?id=67838200100800006672</v>
      </c>
      <c r="F1514" s="23" t="s">
        <v>3712</v>
      </c>
      <c r="G1514"/>
      <c r="H1514"/>
      <c r="I1514"/>
      <c r="J1514"/>
    </row>
    <row r="1515" spans="1:10" x14ac:dyDescent="0.25">
      <c r="A1515" s="7"/>
      <c r="B1515" t="s">
        <v>2014</v>
      </c>
      <c r="C1515" s="23"/>
      <c r="D1515" s="7" t="s">
        <v>5032</v>
      </c>
      <c r="E1515" s="1"/>
      <c r="F1515" s="23" t="s">
        <v>3713</v>
      </c>
      <c r="G1515"/>
      <c r="H1515"/>
      <c r="I1515"/>
      <c r="J1515"/>
    </row>
    <row r="1516" spans="1:10" x14ac:dyDescent="0.25">
      <c r="A1516" s="7"/>
      <c r="B1516" s="23"/>
      <c r="C1516" t="s">
        <v>2014</v>
      </c>
      <c r="D1516" s="23" t="s">
        <v>2241</v>
      </c>
      <c r="E1516" s="1" t="str">
        <f t="shared" ref="E1516" si="296" xml:space="preserve"> HYPERLINK(CONCATENATE("http://www.sap.com/community/tag.html?id=",$F1516))</f>
        <v>http://www.sap.com/community/tag.html?id=73554900100800000304</v>
      </c>
      <c r="F1516" s="23" t="s">
        <v>3714</v>
      </c>
      <c r="G1516"/>
      <c r="H1516"/>
      <c r="I1516"/>
      <c r="J1516"/>
    </row>
    <row r="1517" spans="1:10" x14ac:dyDescent="0.25">
      <c r="A1517" s="7"/>
      <c r="B1517" t="s">
        <v>2137</v>
      </c>
      <c r="C1517" s="23"/>
      <c r="D1517" s="7" t="s">
        <v>5032</v>
      </c>
      <c r="E1517" s="1"/>
      <c r="F1517" s="23" t="s">
        <v>3715</v>
      </c>
      <c r="G1517"/>
      <c r="H1517"/>
      <c r="I1517"/>
      <c r="J1517"/>
    </row>
    <row r="1518" spans="1:10" x14ac:dyDescent="0.25">
      <c r="A1518" s="7"/>
      <c r="B1518" s="23"/>
      <c r="C1518" t="s">
        <v>2137</v>
      </c>
      <c r="D1518" s="23" t="s">
        <v>2241</v>
      </c>
      <c r="E1518" s="1" t="str">
        <f t="shared" ref="E1518" si="297" xml:space="preserve"> HYPERLINK(CONCATENATE("http://www.sap.com/community/tag.html?id=",$F1518))</f>
        <v>http://www.sap.com/community/tag.html?id=67838200100800006254</v>
      </c>
      <c r="F1518" s="23" t="s">
        <v>3716</v>
      </c>
      <c r="G1518"/>
      <c r="H1518"/>
      <c r="I1518"/>
      <c r="J1518"/>
    </row>
    <row r="1519" spans="1:10" x14ac:dyDescent="0.25">
      <c r="A1519" s="7"/>
      <c r="B1519" t="s">
        <v>1209</v>
      </c>
      <c r="C1519" s="23"/>
      <c r="D1519" s="7" t="s">
        <v>5032</v>
      </c>
      <c r="E1519" s="1"/>
      <c r="F1519" s="23" t="s">
        <v>3717</v>
      </c>
      <c r="G1519"/>
      <c r="H1519"/>
      <c r="I1519"/>
      <c r="J1519"/>
    </row>
    <row r="1520" spans="1:10" x14ac:dyDescent="0.25">
      <c r="A1520" s="7"/>
      <c r="B1520"/>
      <c r="C1520" s="23" t="s">
        <v>1209</v>
      </c>
      <c r="D1520" s="23" t="s">
        <v>2241</v>
      </c>
      <c r="E1520" s="1" t="str">
        <f t="shared" ref="E1520" si="298" xml:space="preserve"> HYPERLINK(CONCATENATE("http://www.sap.com/community/tag.html?id=",$F1520))</f>
        <v>http://www.sap.com/community/tag.html?id=01200615320800003533</v>
      </c>
      <c r="F1520" s="23" t="s">
        <v>3718</v>
      </c>
      <c r="G1520"/>
      <c r="H1520"/>
      <c r="I1520"/>
      <c r="J1520"/>
    </row>
    <row r="1521" spans="1:10" x14ac:dyDescent="0.25">
      <c r="A1521" s="7"/>
      <c r="B1521" t="s">
        <v>853</v>
      </c>
      <c r="C1521" s="23"/>
      <c r="D1521" s="7" t="s">
        <v>5032</v>
      </c>
      <c r="E1521" s="1"/>
      <c r="F1521" s="23" t="s">
        <v>3719</v>
      </c>
      <c r="G1521"/>
      <c r="H1521"/>
      <c r="I1521"/>
      <c r="J1521"/>
    </row>
    <row r="1522" spans="1:10" x14ac:dyDescent="0.25">
      <c r="A1522" s="7"/>
      <c r="B1522" s="23"/>
      <c r="C1522" t="s">
        <v>811</v>
      </c>
      <c r="D1522" s="23" t="s">
        <v>2241</v>
      </c>
      <c r="E1522" s="1" t="str">
        <f t="shared" ref="E1522" si="299" xml:space="preserve"> HYPERLINK(CONCATENATE("http://www.sap.com/community/tag.html?id=",$F1522))</f>
        <v>http://www.sap.com/community/tag.html?id=67838200100800005440</v>
      </c>
      <c r="F1522" s="23" t="s">
        <v>3720</v>
      </c>
      <c r="G1522"/>
      <c r="H1522"/>
      <c r="I1522"/>
      <c r="J1522"/>
    </row>
    <row r="1523" spans="1:10" x14ac:dyDescent="0.25">
      <c r="A1523" s="7"/>
      <c r="B1523" t="s">
        <v>296</v>
      </c>
      <c r="C1523" s="23"/>
      <c r="D1523" s="7" t="s">
        <v>5032</v>
      </c>
      <c r="E1523" s="1"/>
      <c r="F1523" s="23" t="s">
        <v>3721</v>
      </c>
      <c r="G1523"/>
      <c r="H1523"/>
      <c r="I1523"/>
      <c r="J1523"/>
    </row>
    <row r="1524" spans="1:10" x14ac:dyDescent="0.25">
      <c r="A1524" s="7"/>
      <c r="B1524" s="23"/>
      <c r="C1524" t="s">
        <v>776</v>
      </c>
      <c r="D1524" s="23" t="s">
        <v>2241</v>
      </c>
      <c r="E1524" s="1" t="str">
        <f t="shared" ref="E1524" si="300" xml:space="preserve"> HYPERLINK(CONCATENATE("http://www.sap.com/community/tag.html?id=",$F1524))</f>
        <v>http://www.sap.com/community/tag.html?id=67837800100800006549</v>
      </c>
      <c r="F1524" s="23" t="s">
        <v>3722</v>
      </c>
      <c r="G1524"/>
      <c r="H1524"/>
      <c r="I1524"/>
      <c r="J1524"/>
    </row>
    <row r="1525" spans="1:10" x14ac:dyDescent="0.25">
      <c r="A1525" s="7"/>
      <c r="B1525" t="s">
        <v>2065</v>
      </c>
      <c r="C1525" s="23"/>
      <c r="D1525" s="7" t="s">
        <v>5032</v>
      </c>
      <c r="E1525" s="1"/>
      <c r="F1525" s="23" t="s">
        <v>3814</v>
      </c>
      <c r="G1525"/>
      <c r="H1525"/>
      <c r="I1525"/>
      <c r="J1525"/>
    </row>
    <row r="1526" spans="1:10" x14ac:dyDescent="0.25">
      <c r="A1526" s="7"/>
      <c r="B1526"/>
      <c r="C1526" s="23" t="s">
        <v>1916</v>
      </c>
      <c r="D1526" s="23" t="s">
        <v>2241</v>
      </c>
      <c r="E1526" s="1" t="str">
        <f t="shared" ref="E1526:E1528" si="301" xml:space="preserve"> HYPERLINK(CONCATENATE("http://www.sap.com/community/tag.html?id=",$F1526))</f>
        <v>http://www.sap.com/community/tag.html?id=73555000100800000167</v>
      </c>
      <c r="F1526" s="23" t="s">
        <v>3815</v>
      </c>
      <c r="G1526"/>
      <c r="H1526"/>
      <c r="I1526"/>
      <c r="J1526"/>
    </row>
    <row r="1527" spans="1:10" x14ac:dyDescent="0.25">
      <c r="A1527" s="7"/>
      <c r="B1527"/>
      <c r="C1527" s="23" t="s">
        <v>2082</v>
      </c>
      <c r="D1527" s="23" t="s">
        <v>2241</v>
      </c>
      <c r="E1527" s="1" t="str">
        <f t="shared" si="301"/>
        <v>http://www.sap.com/community/tag.html?id=01200615320800000623</v>
      </c>
      <c r="F1527" s="23" t="s">
        <v>3723</v>
      </c>
      <c r="G1527"/>
      <c r="H1527"/>
      <c r="I1527"/>
      <c r="J1527"/>
    </row>
    <row r="1528" spans="1:10" x14ac:dyDescent="0.25">
      <c r="A1528" s="7"/>
      <c r="B1528" s="23"/>
      <c r="C1528" t="s">
        <v>1078</v>
      </c>
      <c r="D1528" s="23" t="s">
        <v>2241</v>
      </c>
      <c r="E1528" s="1" t="str">
        <f t="shared" si="301"/>
        <v>http://www.sap.com/community/tag.html?id=01200615320800000626</v>
      </c>
      <c r="F1528" s="23" t="s">
        <v>3724</v>
      </c>
      <c r="G1528"/>
      <c r="H1528"/>
      <c r="I1528"/>
      <c r="J1528"/>
    </row>
    <row r="1529" spans="1:10" x14ac:dyDescent="0.25">
      <c r="A1529" s="7"/>
      <c r="B1529" t="s">
        <v>1491</v>
      </c>
      <c r="C1529" s="23"/>
      <c r="D1529" s="7" t="s">
        <v>5032</v>
      </c>
      <c r="E1529" s="1"/>
      <c r="F1529" s="23" t="s">
        <v>3725</v>
      </c>
      <c r="G1529"/>
      <c r="H1529"/>
      <c r="I1529"/>
      <c r="J1529"/>
    </row>
    <row r="1530" spans="1:10" x14ac:dyDescent="0.25">
      <c r="A1530" s="7"/>
      <c r="B1530" s="23"/>
      <c r="C1530" t="s">
        <v>1491</v>
      </c>
      <c r="D1530" s="23" t="s">
        <v>2241</v>
      </c>
      <c r="E1530" s="1" t="str">
        <f t="shared" ref="E1530" si="302" xml:space="preserve"> HYPERLINK(CONCATENATE("http://www.sap.com/community/tag.html?id=",$F1530))</f>
        <v>http://www.sap.com/community/tag.html?id=01200314690800002438</v>
      </c>
      <c r="F1530" s="23" t="s">
        <v>3726</v>
      </c>
      <c r="G1530"/>
      <c r="H1530"/>
      <c r="I1530"/>
      <c r="J1530"/>
    </row>
    <row r="1531" spans="1:10" x14ac:dyDescent="0.25">
      <c r="A1531" s="7"/>
      <c r="B1531" t="s">
        <v>1180</v>
      </c>
      <c r="C1531" s="23"/>
      <c r="D1531" s="7" t="s">
        <v>5032</v>
      </c>
      <c r="E1531" s="1"/>
      <c r="F1531" s="23" t="s">
        <v>3727</v>
      </c>
      <c r="G1531"/>
      <c r="H1531"/>
      <c r="I1531"/>
      <c r="J1531"/>
    </row>
    <row r="1532" spans="1:10" x14ac:dyDescent="0.25">
      <c r="A1532" s="7"/>
      <c r="B1532" s="23"/>
      <c r="C1532" t="s">
        <v>1180</v>
      </c>
      <c r="D1532" s="23" t="s">
        <v>2241</v>
      </c>
      <c r="E1532" s="1" t="str">
        <f t="shared" ref="E1532:E1534" si="303" xml:space="preserve"> HYPERLINK(CONCATENATE("http://www.sap.com/community/tag.html?id=",$F1532))</f>
        <v>http://www.sap.com/community/tag.html?id=01200615320800003828</v>
      </c>
      <c r="F1532" s="23" t="s">
        <v>3728</v>
      </c>
      <c r="G1532"/>
      <c r="H1532"/>
      <c r="I1532"/>
      <c r="J1532"/>
    </row>
    <row r="1533" spans="1:10" x14ac:dyDescent="0.25">
      <c r="A1533" s="7"/>
      <c r="B1533"/>
      <c r="C1533" s="23" t="s">
        <v>1282</v>
      </c>
      <c r="D1533" s="23" t="s">
        <v>2241</v>
      </c>
      <c r="E1533" s="1" t="str">
        <f t="shared" si="303"/>
        <v>http://www.sap.com/community/tag.html?id=67837800100800004431</v>
      </c>
      <c r="F1533" s="23" t="s">
        <v>3729</v>
      </c>
      <c r="G1533"/>
      <c r="H1533"/>
      <c r="I1533"/>
      <c r="J1533"/>
    </row>
    <row r="1534" spans="1:10" x14ac:dyDescent="0.25">
      <c r="A1534" s="7"/>
      <c r="B1534"/>
      <c r="C1534" s="23" t="s">
        <v>1671</v>
      </c>
      <c r="D1534" s="23" t="s">
        <v>2241</v>
      </c>
      <c r="E1534" s="1" t="str">
        <f t="shared" si="303"/>
        <v>http://www.sap.com/community/tag.html?id=01200615320800003840</v>
      </c>
      <c r="F1534" s="23" t="s">
        <v>3730</v>
      </c>
      <c r="G1534"/>
      <c r="H1534"/>
      <c r="I1534"/>
      <c r="J1534"/>
    </row>
    <row r="1535" spans="1:10" x14ac:dyDescent="0.25">
      <c r="A1535" s="7"/>
      <c r="B1535" s="23" t="s">
        <v>1520</v>
      </c>
      <c r="C1535"/>
      <c r="D1535" s="7" t="s">
        <v>5032</v>
      </c>
      <c r="E1535" s="1"/>
      <c r="F1535" s="23" t="s">
        <v>3731</v>
      </c>
      <c r="G1535"/>
      <c r="H1535"/>
      <c r="I1535"/>
      <c r="J1535"/>
    </row>
    <row r="1536" spans="1:10" x14ac:dyDescent="0.25">
      <c r="A1536" s="7"/>
      <c r="B1536"/>
      <c r="C1536" s="23" t="s">
        <v>1520</v>
      </c>
      <c r="D1536" s="23" t="s">
        <v>2241</v>
      </c>
      <c r="E1536" s="1" t="str">
        <f t="shared" ref="E1536" si="304" xml:space="preserve"> HYPERLINK(CONCATENATE("http://www.sap.com/community/tag.html?id=",$F1536))</f>
        <v>http://www.sap.com/community/tag.html?id=01200615320800001129</v>
      </c>
      <c r="F1536" s="23" t="s">
        <v>3732</v>
      </c>
      <c r="G1536"/>
      <c r="H1536"/>
      <c r="I1536"/>
      <c r="J1536"/>
    </row>
    <row r="1537" spans="1:10" x14ac:dyDescent="0.25">
      <c r="A1537" s="7"/>
      <c r="B1537" t="s">
        <v>989</v>
      </c>
      <c r="C1537" s="23"/>
      <c r="D1537" s="7" t="s">
        <v>5032</v>
      </c>
      <c r="E1537" s="1"/>
      <c r="F1537" s="23" t="s">
        <v>3733</v>
      </c>
      <c r="G1537"/>
      <c r="H1537"/>
      <c r="I1537"/>
      <c r="J1537"/>
    </row>
    <row r="1538" spans="1:10" x14ac:dyDescent="0.25">
      <c r="A1538" s="7"/>
      <c r="B1538" s="23"/>
      <c r="C1538" t="s">
        <v>989</v>
      </c>
      <c r="D1538" s="23" t="s">
        <v>2241</v>
      </c>
      <c r="E1538" s="1" t="str">
        <f t="shared" ref="E1538" si="305" xml:space="preserve"> HYPERLINK(CONCATENATE("http://www.sap.com/community/tag.html?id=",$F1538))</f>
        <v>http://www.sap.com/community/tag.html?id=01200314690800000203</v>
      </c>
      <c r="F1538" s="23" t="s">
        <v>3734</v>
      </c>
      <c r="G1538"/>
      <c r="H1538"/>
      <c r="I1538"/>
      <c r="J1538"/>
    </row>
    <row r="1539" spans="1:10" x14ac:dyDescent="0.25">
      <c r="A1539" s="7"/>
      <c r="B1539" t="s">
        <v>1381</v>
      </c>
      <c r="C1539" s="23"/>
      <c r="D1539" s="7" t="s">
        <v>5032</v>
      </c>
      <c r="E1539" s="1"/>
      <c r="F1539" s="23" t="s">
        <v>3735</v>
      </c>
      <c r="G1539"/>
      <c r="H1539"/>
      <c r="I1539"/>
      <c r="J1539"/>
    </row>
    <row r="1540" spans="1:10" x14ac:dyDescent="0.25">
      <c r="A1540" s="7"/>
      <c r="B1540" s="23"/>
      <c r="C1540" t="s">
        <v>1381</v>
      </c>
      <c r="D1540" s="23" t="s">
        <v>2241</v>
      </c>
      <c r="E1540" s="1" t="str">
        <f t="shared" ref="E1540:E1541" si="306" xml:space="preserve"> HYPERLINK(CONCATENATE("http://www.sap.com/community/tag.html?id=",$F1540))</f>
        <v>http://www.sap.com/community/tag.html?id=67838200100800006479</v>
      </c>
      <c r="F1540" s="23" t="s">
        <v>3736</v>
      </c>
      <c r="G1540"/>
      <c r="H1540"/>
      <c r="I1540"/>
      <c r="J1540"/>
    </row>
    <row r="1541" spans="1:10" x14ac:dyDescent="0.25">
      <c r="A1541" s="7"/>
      <c r="B1541"/>
      <c r="C1541" s="23" t="s">
        <v>2100</v>
      </c>
      <c r="D1541" s="23" t="s">
        <v>2241</v>
      </c>
      <c r="E1541" s="1" t="str">
        <f t="shared" si="306"/>
        <v>http://www.sap.com/community/tag.html?id=67837800100800006639</v>
      </c>
      <c r="F1541" s="23" t="s">
        <v>3737</v>
      </c>
      <c r="G1541"/>
      <c r="H1541"/>
      <c r="I1541"/>
      <c r="J1541"/>
    </row>
    <row r="1542" spans="1:10" x14ac:dyDescent="0.25">
      <c r="A1542" s="7"/>
      <c r="B1542" s="23" t="s">
        <v>2000</v>
      </c>
      <c r="C1542"/>
      <c r="D1542" s="7" t="s">
        <v>5032</v>
      </c>
      <c r="E1542" s="1"/>
      <c r="F1542" s="23" t="s">
        <v>3738</v>
      </c>
      <c r="G1542"/>
      <c r="H1542"/>
      <c r="I1542"/>
      <c r="J1542"/>
    </row>
    <row r="1543" spans="1:10" x14ac:dyDescent="0.25">
      <c r="A1543" s="7"/>
      <c r="B1543"/>
      <c r="C1543" s="23" t="s">
        <v>1193</v>
      </c>
      <c r="D1543" s="23" t="s">
        <v>2241</v>
      </c>
      <c r="E1543" s="1" t="str">
        <f t="shared" ref="E1543:E1544" si="307" xml:space="preserve"> HYPERLINK(CONCATENATE("http://www.sap.com/community/tag.html?id=",$F1543))</f>
        <v>http://www.sap.com/community/tag.html?id=01200615320800001374</v>
      </c>
      <c r="F1543" s="23" t="s">
        <v>3739</v>
      </c>
      <c r="G1543"/>
      <c r="H1543"/>
      <c r="I1543"/>
      <c r="J1543"/>
    </row>
    <row r="1544" spans="1:10" x14ac:dyDescent="0.25">
      <c r="A1544" s="7"/>
      <c r="B1544"/>
      <c r="C1544" s="23" t="s">
        <v>2000</v>
      </c>
      <c r="D1544" s="23" t="s">
        <v>2241</v>
      </c>
      <c r="E1544" s="1" t="str">
        <f t="shared" si="307"/>
        <v>http://www.sap.com/community/tag.html?id=01200615320800002507</v>
      </c>
      <c r="F1544" s="23" t="s">
        <v>3740</v>
      </c>
      <c r="G1544"/>
      <c r="H1544"/>
      <c r="I1544"/>
      <c r="J1544"/>
    </row>
    <row r="1545" spans="1:10" x14ac:dyDescent="0.25">
      <c r="A1545" s="7"/>
      <c r="B1545" s="23" t="s">
        <v>126</v>
      </c>
      <c r="C1545"/>
      <c r="D1545" s="7" t="s">
        <v>5032</v>
      </c>
      <c r="E1545" s="1"/>
      <c r="F1545" s="23" t="s">
        <v>3741</v>
      </c>
      <c r="G1545"/>
      <c r="H1545"/>
      <c r="I1545"/>
      <c r="J1545"/>
    </row>
    <row r="1546" spans="1:10" x14ac:dyDescent="0.25">
      <c r="A1546" s="7"/>
      <c r="B1546"/>
      <c r="C1546" s="23" t="s">
        <v>126</v>
      </c>
      <c r="D1546" s="23" t="s">
        <v>2241</v>
      </c>
      <c r="E1546" s="1" t="str">
        <f t="shared" ref="E1546" si="308" xml:space="preserve"> HYPERLINK(CONCATENATE("http://www.sap.com/community/tag.html?id=",$F1546))</f>
        <v>http://www.sap.com/community/tag.html?id=01200615320800000253</v>
      </c>
      <c r="F1546" s="23" t="s">
        <v>3742</v>
      </c>
      <c r="G1546"/>
      <c r="H1546"/>
      <c r="I1546"/>
      <c r="J1546"/>
    </row>
    <row r="1547" spans="1:10" x14ac:dyDescent="0.25">
      <c r="A1547" s="7"/>
      <c r="B1547" t="s">
        <v>1108</v>
      </c>
      <c r="C1547" s="23"/>
      <c r="D1547" s="7" t="s">
        <v>5032</v>
      </c>
      <c r="E1547" s="1"/>
      <c r="F1547" s="23" t="s">
        <v>3743</v>
      </c>
      <c r="G1547"/>
      <c r="H1547"/>
      <c r="I1547"/>
      <c r="J1547"/>
    </row>
    <row r="1548" spans="1:10" x14ac:dyDescent="0.25">
      <c r="A1548" s="7"/>
      <c r="B1548"/>
      <c r="C1548" s="23" t="s">
        <v>1103</v>
      </c>
      <c r="D1548" s="23" t="s">
        <v>2241</v>
      </c>
      <c r="E1548" s="1" t="str">
        <f t="shared" ref="E1548:E1549" si="309" xml:space="preserve"> HYPERLINK(CONCATENATE("http://www.sap.com/community/tag.html?id=",$F1548))</f>
        <v>http://www.sap.com/community/tag.html?id=67837800100800007300</v>
      </c>
      <c r="F1548" s="23" t="s">
        <v>3744</v>
      </c>
      <c r="G1548"/>
      <c r="H1548"/>
      <c r="I1548"/>
      <c r="J1548"/>
    </row>
    <row r="1549" spans="1:10" x14ac:dyDescent="0.25">
      <c r="A1549" s="7"/>
      <c r="B1549" s="23" t="s">
        <v>2002</v>
      </c>
      <c r="C1549"/>
      <c r="D1549" s="7" t="s">
        <v>2241</v>
      </c>
      <c r="E1549" s="1" t="str">
        <f t="shared" si="309"/>
        <v>http://www.sap.com/community/tag.html?id=73554900100700001143</v>
      </c>
      <c r="F1549" s="23" t="s">
        <v>2823</v>
      </c>
      <c r="G1549"/>
      <c r="H1549"/>
      <c r="I1549"/>
      <c r="J1549"/>
    </row>
    <row r="1550" spans="1:10" x14ac:dyDescent="0.25">
      <c r="A1550" s="7"/>
      <c r="B1550"/>
      <c r="C1550" s="23" t="s">
        <v>1541</v>
      </c>
      <c r="D1550" s="23" t="s">
        <v>2241</v>
      </c>
      <c r="E1550" s="1" t="str">
        <f t="shared" ref="E1550:E1551" si="310" xml:space="preserve"> HYPERLINK(CONCATENATE("http://www.sap.com/community/tag.html?id=",$F1550))</f>
        <v>http://www.sap.com/community/tag.html?id=67838200100800004074</v>
      </c>
      <c r="F1550" s="23" t="s">
        <v>2824</v>
      </c>
      <c r="G1550"/>
      <c r="H1550"/>
      <c r="I1550"/>
      <c r="J1550"/>
    </row>
    <row r="1551" spans="1:10" x14ac:dyDescent="0.25">
      <c r="A1551" s="7"/>
      <c r="B1551"/>
      <c r="C1551" s="23" t="s">
        <v>2161</v>
      </c>
      <c r="D1551" s="23" t="s">
        <v>2241</v>
      </c>
      <c r="E1551" s="1" t="str">
        <f t="shared" si="310"/>
        <v>http://www.sap.com/community/tag.html?id=01200314690800000201</v>
      </c>
      <c r="F1551" s="23" t="s">
        <v>2825</v>
      </c>
      <c r="G1551"/>
      <c r="H1551"/>
      <c r="I1551"/>
      <c r="J1551"/>
    </row>
    <row r="1552" spans="1:10" x14ac:dyDescent="0.25">
      <c r="A1552" s="7"/>
      <c r="B1552" t="s">
        <v>1815</v>
      </c>
      <c r="C1552" s="23"/>
      <c r="D1552" s="7" t="s">
        <v>5032</v>
      </c>
      <c r="E1552" s="1"/>
      <c r="F1552" s="23" t="s">
        <v>3745</v>
      </c>
      <c r="G1552"/>
      <c r="H1552"/>
      <c r="I1552"/>
      <c r="J1552"/>
    </row>
    <row r="1553" spans="1:10" x14ac:dyDescent="0.25">
      <c r="A1553" s="7"/>
      <c r="B1553" s="23"/>
      <c r="C1553" t="s">
        <v>1325</v>
      </c>
      <c r="D1553" s="23" t="s">
        <v>2241</v>
      </c>
      <c r="E1553" s="1" t="str">
        <f t="shared" ref="E1553:E1555" si="311" xml:space="preserve"> HYPERLINK(CONCATENATE("http://www.sap.com/community/tag.html?id=",$F1553))</f>
        <v>http://www.sap.com/community/tag.html?id=67838200100800006089</v>
      </c>
      <c r="F1553" s="23" t="s">
        <v>3747</v>
      </c>
      <c r="G1553"/>
      <c r="H1553"/>
      <c r="I1553"/>
      <c r="J1553"/>
    </row>
    <row r="1554" spans="1:10" x14ac:dyDescent="0.25">
      <c r="A1554" s="7"/>
      <c r="B1554"/>
      <c r="C1554" s="23" t="s">
        <v>1731</v>
      </c>
      <c r="D1554" s="23" t="s">
        <v>2241</v>
      </c>
      <c r="E1554" s="1" t="str">
        <f t="shared" si="311"/>
        <v>http://www.sap.com/community/tag.html?id=67838200100800004052</v>
      </c>
      <c r="F1554" s="23" t="s">
        <v>3748</v>
      </c>
      <c r="G1554"/>
      <c r="H1554"/>
      <c r="I1554"/>
      <c r="J1554"/>
    </row>
    <row r="1555" spans="1:10" x14ac:dyDescent="0.25">
      <c r="A1555" s="7"/>
      <c r="B1555"/>
      <c r="C1555" s="23" t="s">
        <v>5058</v>
      </c>
      <c r="D1555" s="23" t="s">
        <v>2241</v>
      </c>
      <c r="E1555" s="1" t="str">
        <f t="shared" si="311"/>
        <v>http://www.sap.com/community/tag.html?id=67838200100800004348</v>
      </c>
      <c r="F1555" s="23" t="s">
        <v>3746</v>
      </c>
      <c r="G1555"/>
      <c r="H1555"/>
      <c r="I1555"/>
      <c r="J1555"/>
    </row>
    <row r="1556" spans="1:10" x14ac:dyDescent="0.25">
      <c r="A1556" s="7"/>
      <c r="B1556" s="23" t="s">
        <v>2193</v>
      </c>
      <c r="C1556"/>
      <c r="D1556" s="7" t="s">
        <v>5032</v>
      </c>
      <c r="E1556" s="1"/>
      <c r="F1556" s="23" t="s">
        <v>3749</v>
      </c>
      <c r="G1556"/>
      <c r="H1556"/>
      <c r="I1556"/>
      <c r="J1556"/>
    </row>
    <row r="1557" spans="1:10" x14ac:dyDescent="0.25">
      <c r="A1557" s="7"/>
      <c r="B1557"/>
      <c r="C1557" s="23" t="s">
        <v>2193</v>
      </c>
      <c r="D1557" s="23" t="s">
        <v>2241</v>
      </c>
      <c r="E1557" s="1" t="str">
        <f t="shared" ref="E1557:E1559" si="312" xml:space="preserve"> HYPERLINK(CONCATENATE("http://www.sap.com/community/tag.html?id=",$F1557))</f>
        <v>http://www.sap.com/community/tag.html?id=67837800100800006797</v>
      </c>
      <c r="F1557" s="23" t="s">
        <v>3750</v>
      </c>
      <c r="G1557"/>
      <c r="H1557"/>
      <c r="I1557"/>
      <c r="J1557"/>
    </row>
    <row r="1558" spans="1:10" x14ac:dyDescent="0.25">
      <c r="A1558" s="7"/>
      <c r="B1558"/>
      <c r="C1558" s="23" t="s">
        <v>1056</v>
      </c>
      <c r="D1558" s="23" t="s">
        <v>2241</v>
      </c>
      <c r="E1558" s="1" t="str">
        <f t="shared" si="312"/>
        <v>http://www.sap.com/community/tag.html?id=67837800100800006799</v>
      </c>
      <c r="F1558" s="23" t="s">
        <v>3751</v>
      </c>
      <c r="G1558"/>
      <c r="H1558"/>
      <c r="I1558"/>
      <c r="J1558"/>
    </row>
    <row r="1559" spans="1:10" x14ac:dyDescent="0.25">
      <c r="A1559" s="7"/>
      <c r="B1559" s="23"/>
      <c r="C1559" t="s">
        <v>1839</v>
      </c>
      <c r="D1559" s="23" t="s">
        <v>2241</v>
      </c>
      <c r="E1559" s="1" t="str">
        <f t="shared" si="312"/>
        <v>http://www.sap.com/community/tag.html?id=67838200100800006418</v>
      </c>
      <c r="F1559" s="23" t="s">
        <v>3752</v>
      </c>
      <c r="G1559"/>
      <c r="H1559"/>
      <c r="I1559"/>
      <c r="J1559"/>
    </row>
    <row r="1560" spans="1:10" x14ac:dyDescent="0.25">
      <c r="A1560" s="7"/>
      <c r="B1560" t="s">
        <v>1333</v>
      </c>
      <c r="C1560" s="23"/>
      <c r="D1560" s="7" t="s">
        <v>5032</v>
      </c>
      <c r="E1560" s="1"/>
      <c r="F1560" s="23" t="s">
        <v>3753</v>
      </c>
      <c r="G1560"/>
      <c r="H1560"/>
      <c r="I1560"/>
      <c r="J1560"/>
    </row>
    <row r="1561" spans="1:10" x14ac:dyDescent="0.25">
      <c r="A1561" s="7"/>
      <c r="B1561" s="23"/>
      <c r="C1561" t="s">
        <v>1333</v>
      </c>
      <c r="D1561" s="23" t="s">
        <v>2241</v>
      </c>
      <c r="E1561" s="1" t="str">
        <f t="shared" ref="E1561:E1562" si="313" xml:space="preserve"> HYPERLINK(CONCATENATE("http://www.sap.com/community/tag.html?id=",$F1561))</f>
        <v>http://www.sap.com/community/tag.html?id=67837800100800005219</v>
      </c>
      <c r="F1561" s="23" t="s">
        <v>3754</v>
      </c>
      <c r="G1561"/>
      <c r="H1561"/>
      <c r="I1561"/>
      <c r="J1561"/>
    </row>
    <row r="1562" spans="1:10" x14ac:dyDescent="0.25">
      <c r="A1562" s="7"/>
      <c r="B1562"/>
      <c r="C1562" s="23" t="s">
        <v>870</v>
      </c>
      <c r="D1562" s="23" t="s">
        <v>2241</v>
      </c>
      <c r="E1562" s="1" t="str">
        <f t="shared" si="313"/>
        <v>http://www.sap.com/community/tag.html?id=73554900100800000393</v>
      </c>
      <c r="F1562" s="23" t="s">
        <v>3755</v>
      </c>
      <c r="G1562"/>
      <c r="H1562"/>
      <c r="I1562"/>
      <c r="J1562"/>
    </row>
    <row r="1563" spans="1:10" x14ac:dyDescent="0.25">
      <c r="A1563" s="7"/>
      <c r="B1563" t="s">
        <v>321</v>
      </c>
      <c r="C1563" s="23"/>
      <c r="D1563" s="7" t="s">
        <v>5032</v>
      </c>
      <c r="E1563" s="1"/>
      <c r="F1563" s="23" t="s">
        <v>3756</v>
      </c>
      <c r="G1563"/>
      <c r="H1563"/>
      <c r="I1563"/>
      <c r="J1563"/>
    </row>
    <row r="1564" spans="1:10" x14ac:dyDescent="0.25">
      <c r="A1564" s="7"/>
      <c r="B1564" s="23"/>
      <c r="C1564" t="s">
        <v>321</v>
      </c>
      <c r="D1564" s="23" t="s">
        <v>2241</v>
      </c>
      <c r="E1564" s="1" t="str">
        <f t="shared" ref="E1564:E1565" si="314" xml:space="preserve"> HYPERLINK(CONCATENATE("http://www.sap.com/community/tag.html?id=",$F1564))</f>
        <v>http://www.sap.com/community/tag.html?id=67838200100800004351</v>
      </c>
      <c r="F1564" s="23" t="s">
        <v>3757</v>
      </c>
      <c r="G1564"/>
      <c r="H1564"/>
      <c r="I1564"/>
      <c r="J1564"/>
    </row>
    <row r="1565" spans="1:10" x14ac:dyDescent="0.25">
      <c r="A1565" s="7"/>
      <c r="B1565"/>
      <c r="C1565" s="23" t="s">
        <v>1756</v>
      </c>
      <c r="D1565" s="23" t="s">
        <v>2241</v>
      </c>
      <c r="E1565" s="1" t="str">
        <f t="shared" si="314"/>
        <v>http://www.sap.com/community/tag.html?id=67838200100800004355</v>
      </c>
      <c r="F1565" s="23" t="s">
        <v>3758</v>
      </c>
      <c r="G1565"/>
      <c r="H1565"/>
      <c r="I1565"/>
      <c r="J1565"/>
    </row>
    <row r="1566" spans="1:10" x14ac:dyDescent="0.25">
      <c r="A1566" s="7"/>
      <c r="B1566" s="23" t="s">
        <v>1140</v>
      </c>
      <c r="C1566"/>
      <c r="D1566" s="7" t="s">
        <v>5032</v>
      </c>
      <c r="E1566" s="1"/>
      <c r="F1566" s="23" t="s">
        <v>3759</v>
      </c>
      <c r="G1566"/>
      <c r="H1566"/>
      <c r="I1566"/>
      <c r="J1566"/>
    </row>
    <row r="1567" spans="1:10" x14ac:dyDescent="0.25">
      <c r="A1567" s="7"/>
      <c r="B1567"/>
      <c r="C1567" s="23" t="s">
        <v>1140</v>
      </c>
      <c r="D1567" s="23" t="s">
        <v>2241</v>
      </c>
      <c r="E1567" s="1" t="str">
        <f t="shared" ref="E1567" si="315" xml:space="preserve"> HYPERLINK(CONCATENATE("http://www.sap.com/community/tag.html?id=",$F1567))</f>
        <v>http://www.sap.com/community/tag.html?id=01200314690800000222</v>
      </c>
      <c r="F1567" s="23" t="s">
        <v>3760</v>
      </c>
      <c r="G1567"/>
      <c r="H1567"/>
      <c r="I1567"/>
      <c r="J1567"/>
    </row>
    <row r="1568" spans="1:10" x14ac:dyDescent="0.25">
      <c r="A1568" s="7"/>
      <c r="B1568" s="23" t="s">
        <v>581</v>
      </c>
      <c r="C1568"/>
      <c r="D1568" s="7" t="s">
        <v>5032</v>
      </c>
      <c r="E1568" s="1"/>
      <c r="F1568" s="23" t="s">
        <v>3761</v>
      </c>
      <c r="G1568"/>
      <c r="H1568"/>
      <c r="I1568"/>
      <c r="J1568"/>
    </row>
    <row r="1569" spans="1:10" x14ac:dyDescent="0.25">
      <c r="A1569" s="7"/>
      <c r="B1569"/>
      <c r="C1569" s="23" t="s">
        <v>581</v>
      </c>
      <c r="D1569" s="23" t="s">
        <v>2241</v>
      </c>
      <c r="E1569" s="1" t="str">
        <f t="shared" ref="E1569:E1570" si="316" xml:space="preserve"> HYPERLINK(CONCATENATE("http://www.sap.com/community/tag.html?id=",$F1569))</f>
        <v>http://www.sap.com/community/tag.html?id=01200245450800000023</v>
      </c>
      <c r="F1569" s="23" t="s">
        <v>3762</v>
      </c>
      <c r="G1569"/>
      <c r="H1569"/>
      <c r="I1569"/>
      <c r="J1569"/>
    </row>
    <row r="1570" spans="1:10" x14ac:dyDescent="0.25">
      <c r="A1570" s="7"/>
      <c r="B1570" s="23"/>
      <c r="C1570" t="s">
        <v>271</v>
      </c>
      <c r="D1570" s="23" t="s">
        <v>2241</v>
      </c>
      <c r="E1570" s="1" t="str">
        <f t="shared" si="316"/>
        <v>http://www.sap.com/community/tag.html?id=73555000100800000025</v>
      </c>
      <c r="F1570" s="23" t="s">
        <v>3763</v>
      </c>
      <c r="G1570"/>
      <c r="H1570"/>
      <c r="I1570"/>
      <c r="J1570"/>
    </row>
    <row r="1571" spans="1:10" x14ac:dyDescent="0.25">
      <c r="A1571" s="7"/>
      <c r="B1571" t="s">
        <v>1172</v>
      </c>
      <c r="C1571" s="23"/>
      <c r="D1571" s="7" t="s">
        <v>5032</v>
      </c>
      <c r="E1571" s="1"/>
      <c r="F1571" s="23" t="s">
        <v>3764</v>
      </c>
      <c r="G1571"/>
      <c r="H1571"/>
      <c r="I1571"/>
      <c r="J1571"/>
    </row>
    <row r="1572" spans="1:10" x14ac:dyDescent="0.25">
      <c r="A1572" s="7"/>
      <c r="B1572"/>
      <c r="C1572" s="23" t="s">
        <v>1172</v>
      </c>
      <c r="D1572" s="23" t="s">
        <v>2241</v>
      </c>
      <c r="E1572" s="1" t="str">
        <f t="shared" ref="E1572" si="317" xml:space="preserve"> HYPERLINK(CONCATENATE("http://www.sap.com/community/tag.html?id=",$F1572))</f>
        <v>http://www.sap.com/community/tag.html?id=01200615320800001410</v>
      </c>
      <c r="F1572" s="23" t="s">
        <v>3765</v>
      </c>
      <c r="G1572"/>
      <c r="H1572"/>
      <c r="I1572"/>
      <c r="J1572"/>
    </row>
    <row r="1573" spans="1:10" x14ac:dyDescent="0.25">
      <c r="A1573" s="7"/>
      <c r="B1573" t="s">
        <v>368</v>
      </c>
      <c r="C1573" s="23"/>
      <c r="D1573" s="7" t="s">
        <v>5032</v>
      </c>
      <c r="E1573" s="1"/>
      <c r="F1573" s="23" t="s">
        <v>3766</v>
      </c>
      <c r="G1573"/>
      <c r="H1573"/>
      <c r="I1573"/>
      <c r="J1573"/>
    </row>
    <row r="1574" spans="1:10" x14ac:dyDescent="0.25">
      <c r="A1574" s="7"/>
      <c r="B1574" s="23"/>
      <c r="C1574" t="s">
        <v>368</v>
      </c>
      <c r="D1574" s="23" t="s">
        <v>2241</v>
      </c>
      <c r="E1574" s="1" t="str">
        <f t="shared" ref="E1574" si="318" xml:space="preserve"> HYPERLINK(CONCATENATE("http://www.sap.com/community/tag.html?id=",$F1574))</f>
        <v>http://www.sap.com/community/tag.html?id=67837800100800005967</v>
      </c>
      <c r="F1574" s="23" t="s">
        <v>3767</v>
      </c>
      <c r="G1574"/>
      <c r="H1574"/>
      <c r="I1574"/>
      <c r="J1574"/>
    </row>
    <row r="1575" spans="1:10" x14ac:dyDescent="0.25">
      <c r="A1575" s="7"/>
      <c r="B1575" t="s">
        <v>1821</v>
      </c>
      <c r="C1575" s="23"/>
      <c r="D1575" s="7" t="s">
        <v>5032</v>
      </c>
      <c r="E1575" s="1"/>
      <c r="F1575" s="23" t="s">
        <v>3768</v>
      </c>
      <c r="G1575"/>
      <c r="H1575"/>
      <c r="I1575"/>
      <c r="J1575"/>
    </row>
    <row r="1576" spans="1:10" x14ac:dyDescent="0.25">
      <c r="A1576" s="7"/>
      <c r="B1576" s="23"/>
      <c r="C1576" t="s">
        <v>1821</v>
      </c>
      <c r="D1576" s="23" t="s">
        <v>2241</v>
      </c>
      <c r="E1576" s="1" t="str">
        <f t="shared" ref="E1576" si="319" xml:space="preserve"> HYPERLINK(CONCATENATE("http://www.sap.com/community/tag.html?id=",$F1576))</f>
        <v>http://www.sap.com/community/tag.html?id=67838200100800006027</v>
      </c>
      <c r="F1576" s="23" t="s">
        <v>3769</v>
      </c>
      <c r="G1576"/>
      <c r="H1576"/>
      <c r="I1576"/>
      <c r="J1576"/>
    </row>
    <row r="1577" spans="1:10" x14ac:dyDescent="0.25">
      <c r="A1577" s="7"/>
      <c r="B1577" t="s">
        <v>778</v>
      </c>
      <c r="C1577" s="23"/>
      <c r="D1577" s="7" t="s">
        <v>5032</v>
      </c>
      <c r="E1577" s="1"/>
      <c r="F1577" s="23" t="s">
        <v>5106</v>
      </c>
      <c r="G1577"/>
      <c r="H1577"/>
      <c r="I1577"/>
      <c r="J1577"/>
    </row>
    <row r="1578" spans="1:10" x14ac:dyDescent="0.25">
      <c r="A1578" s="7"/>
      <c r="B1578" s="23"/>
      <c r="C1578" t="s">
        <v>778</v>
      </c>
      <c r="D1578" s="23" t="s">
        <v>2241</v>
      </c>
      <c r="E1578" s="1" t="str">
        <f t="shared" ref="E1578:E1580" si="320" xml:space="preserve"> HYPERLINK(CONCATENATE("http://www.sap.com/community/tag.html?id=",$F1578))</f>
        <v>http://www.sap.com/community/tag.html?id=73555000100800000091</v>
      </c>
      <c r="F1578" s="23" t="s">
        <v>3770</v>
      </c>
      <c r="G1578"/>
      <c r="H1578"/>
      <c r="I1578"/>
      <c r="J1578"/>
    </row>
    <row r="1579" spans="1:10" x14ac:dyDescent="0.25">
      <c r="A1579" s="7"/>
      <c r="B1579"/>
      <c r="C1579" s="23" t="s">
        <v>5059</v>
      </c>
      <c r="D1579" s="23" t="s">
        <v>2241</v>
      </c>
      <c r="E1579" s="1" t="str">
        <f t="shared" si="320"/>
        <v>http://www.sap.com/community/tag.html?id=73554900100800000275</v>
      </c>
      <c r="F1579" s="23" t="s">
        <v>5107</v>
      </c>
      <c r="G1579"/>
      <c r="H1579"/>
      <c r="I1579"/>
      <c r="J1579"/>
    </row>
    <row r="1580" spans="1:10" x14ac:dyDescent="0.25">
      <c r="A1580" s="7"/>
      <c r="B1580"/>
      <c r="C1580" s="23" t="s">
        <v>5060</v>
      </c>
      <c r="D1580" s="23" t="s">
        <v>2241</v>
      </c>
      <c r="E1580" s="1" t="str">
        <f t="shared" si="320"/>
        <v>http://www.sap.com/community/tag.html?id=73554900100800000334</v>
      </c>
      <c r="F1580" s="23" t="s">
        <v>5108</v>
      </c>
      <c r="G1580"/>
      <c r="H1580"/>
      <c r="I1580"/>
      <c r="J1580"/>
    </row>
    <row r="1581" spans="1:10" x14ac:dyDescent="0.25">
      <c r="A1581" s="7"/>
      <c r="B1581" t="s">
        <v>982</v>
      </c>
      <c r="C1581" s="23"/>
      <c r="D1581" s="7" t="s">
        <v>5032</v>
      </c>
      <c r="E1581" s="1"/>
      <c r="F1581" s="23" t="s">
        <v>3771</v>
      </c>
      <c r="G1581"/>
      <c r="H1581"/>
      <c r="I1581"/>
      <c r="J1581"/>
    </row>
    <row r="1582" spans="1:10" x14ac:dyDescent="0.25">
      <c r="A1582" s="7"/>
      <c r="B1582" s="23"/>
      <c r="C1582" t="s">
        <v>982</v>
      </c>
      <c r="D1582" s="23" t="s">
        <v>2241</v>
      </c>
      <c r="E1582" s="1" t="str">
        <f t="shared" ref="E1582" si="321" xml:space="preserve"> HYPERLINK(CONCATENATE("http://www.sap.com/community/tag.html?id=",$F1582))</f>
        <v>http://www.sap.com/community/tag.html?id=73555000100800000148</v>
      </c>
      <c r="F1582" s="23" t="s">
        <v>3772</v>
      </c>
      <c r="G1582"/>
      <c r="H1582"/>
      <c r="I1582"/>
      <c r="J1582"/>
    </row>
    <row r="1583" spans="1:10" x14ac:dyDescent="0.25">
      <c r="A1583" s="7"/>
      <c r="B1583" t="s">
        <v>1879</v>
      </c>
      <c r="C1583" s="23"/>
      <c r="D1583" s="7" t="s">
        <v>5032</v>
      </c>
      <c r="E1583" s="1"/>
      <c r="F1583" s="23" t="s">
        <v>3773</v>
      </c>
      <c r="G1583"/>
      <c r="H1583"/>
      <c r="I1583"/>
      <c r="J1583"/>
    </row>
    <row r="1584" spans="1:10" x14ac:dyDescent="0.25">
      <c r="A1584" s="7"/>
      <c r="B1584"/>
      <c r="C1584" s="23" t="s">
        <v>1879</v>
      </c>
      <c r="D1584" s="23" t="s">
        <v>2241</v>
      </c>
      <c r="E1584" s="1" t="str">
        <f t="shared" ref="E1584" si="322" xml:space="preserve"> HYPERLINK(CONCATENATE("http://www.sap.com/community/tag.html?id=",$F1584))</f>
        <v>http://www.sap.com/community/tag.html?id=73555000100800000302</v>
      </c>
      <c r="F1584" s="23" t="s">
        <v>3774</v>
      </c>
      <c r="G1584"/>
      <c r="H1584"/>
      <c r="I1584"/>
      <c r="J1584"/>
    </row>
    <row r="1585" spans="1:10" x14ac:dyDescent="0.25">
      <c r="A1585" s="7"/>
      <c r="B1585" t="s">
        <v>2232</v>
      </c>
      <c r="C1585" s="23"/>
      <c r="D1585" s="7" t="s">
        <v>5032</v>
      </c>
      <c r="E1585" s="1"/>
      <c r="F1585" s="23" t="s">
        <v>3775</v>
      </c>
      <c r="G1585"/>
      <c r="H1585"/>
      <c r="I1585"/>
      <c r="J1585"/>
    </row>
    <row r="1586" spans="1:10" x14ac:dyDescent="0.25">
      <c r="A1586" s="7"/>
      <c r="B1586"/>
      <c r="C1586" s="23" t="s">
        <v>2232</v>
      </c>
      <c r="D1586" s="23" t="s">
        <v>2241</v>
      </c>
      <c r="E1586" s="1" t="str">
        <f t="shared" ref="E1586:E1588" si="323" xml:space="preserve"> HYPERLINK(CONCATENATE("http://www.sap.com/community/tag.html?id=",$F1586))</f>
        <v>http://www.sap.com/community/tag.html?id=01200615320800003726</v>
      </c>
      <c r="F1586" s="23" t="s">
        <v>3776</v>
      </c>
      <c r="G1586"/>
      <c r="H1586"/>
      <c r="I1586"/>
      <c r="J1586"/>
    </row>
    <row r="1587" spans="1:10" x14ac:dyDescent="0.25">
      <c r="A1587" s="7"/>
      <c r="B1587" s="23"/>
      <c r="C1587" t="s">
        <v>1862</v>
      </c>
      <c r="D1587" s="23" t="s">
        <v>2241</v>
      </c>
      <c r="E1587" s="1" t="str">
        <f t="shared" si="323"/>
        <v>http://www.sap.com/community/tag.html?id=01200615320800004046</v>
      </c>
      <c r="F1587" s="23" t="s">
        <v>3777</v>
      </c>
      <c r="G1587"/>
      <c r="H1587"/>
      <c r="I1587"/>
      <c r="J1587"/>
    </row>
    <row r="1588" spans="1:10" x14ac:dyDescent="0.25">
      <c r="A1588" s="7"/>
      <c r="B1588"/>
      <c r="C1588" s="23" t="s">
        <v>2051</v>
      </c>
      <c r="D1588" s="23" t="s">
        <v>2241</v>
      </c>
      <c r="E1588" s="1" t="str">
        <f t="shared" si="323"/>
        <v>http://www.sap.com/community/tag.html?id=01200615320800004045</v>
      </c>
      <c r="F1588" s="23" t="s">
        <v>3778</v>
      </c>
      <c r="G1588"/>
      <c r="H1588"/>
      <c r="I1588"/>
      <c r="J1588"/>
    </row>
    <row r="1589" spans="1:10" x14ac:dyDescent="0.25">
      <c r="A1589" s="7"/>
      <c r="B1589" t="s">
        <v>1121</v>
      </c>
      <c r="C1589" s="23"/>
      <c r="D1589" s="7" t="s">
        <v>5032</v>
      </c>
      <c r="E1589" s="1"/>
      <c r="F1589" s="23" t="s">
        <v>3779</v>
      </c>
      <c r="G1589"/>
      <c r="H1589"/>
      <c r="I1589"/>
      <c r="J1589"/>
    </row>
    <row r="1590" spans="1:10" x14ac:dyDescent="0.25">
      <c r="A1590" s="7"/>
      <c r="B1590"/>
      <c r="C1590" s="23" t="s">
        <v>1121</v>
      </c>
      <c r="D1590" s="23" t="s">
        <v>2241</v>
      </c>
      <c r="E1590" s="1" t="str">
        <f t="shared" ref="E1590:E1593" si="324" xml:space="preserve"> HYPERLINK(CONCATENATE("http://www.sap.com/community/tag.html?id=",$F1590))</f>
        <v>http://www.sap.com/community/tag.html?id=01200615320800003727</v>
      </c>
      <c r="F1590" s="23" t="s">
        <v>3780</v>
      </c>
      <c r="G1590"/>
      <c r="H1590"/>
      <c r="I1590"/>
      <c r="J1590"/>
    </row>
    <row r="1591" spans="1:10" x14ac:dyDescent="0.25">
      <c r="A1591" s="7"/>
      <c r="B1591"/>
      <c r="C1591" s="23" t="s">
        <v>1409</v>
      </c>
      <c r="D1591" s="23" t="s">
        <v>2241</v>
      </c>
      <c r="E1591" s="1" t="str">
        <f t="shared" si="324"/>
        <v>http://www.sap.com/community/tag.html?id=67837800100800005529</v>
      </c>
      <c r="F1591" s="23" t="s">
        <v>3781</v>
      </c>
      <c r="G1591"/>
      <c r="H1591"/>
      <c r="I1591"/>
      <c r="J1591"/>
    </row>
    <row r="1592" spans="1:10" x14ac:dyDescent="0.25">
      <c r="A1592" s="7"/>
      <c r="B1592" s="23"/>
      <c r="C1592" t="s">
        <v>164</v>
      </c>
      <c r="D1592" s="23" t="s">
        <v>2241</v>
      </c>
      <c r="E1592" s="1" t="str">
        <f t="shared" si="324"/>
        <v>http://www.sap.com/community/tag.html?id=01200615320800004048</v>
      </c>
      <c r="F1592" s="23" t="s">
        <v>3782</v>
      </c>
      <c r="G1592"/>
      <c r="H1592"/>
      <c r="I1592"/>
      <c r="J1592"/>
    </row>
    <row r="1593" spans="1:10" x14ac:dyDescent="0.25">
      <c r="A1593" s="7"/>
      <c r="B1593"/>
      <c r="C1593" s="23" t="s">
        <v>771</v>
      </c>
      <c r="D1593" s="23" t="s">
        <v>2241</v>
      </c>
      <c r="E1593" s="1" t="str">
        <f t="shared" si="324"/>
        <v>http://www.sap.com/community/tag.html?id=01200615320800004047</v>
      </c>
      <c r="F1593" s="23" t="s">
        <v>3783</v>
      </c>
      <c r="G1593"/>
      <c r="H1593"/>
      <c r="I1593"/>
      <c r="J1593"/>
    </row>
    <row r="1594" spans="1:10" x14ac:dyDescent="0.25">
      <c r="A1594" s="7"/>
      <c r="B1594" t="s">
        <v>2218</v>
      </c>
      <c r="C1594" s="23"/>
      <c r="D1594" s="7" t="s">
        <v>5032</v>
      </c>
      <c r="E1594" s="1"/>
      <c r="F1594" s="23" t="s">
        <v>3784</v>
      </c>
      <c r="G1594"/>
      <c r="H1594"/>
      <c r="I1594"/>
      <c r="J1594"/>
    </row>
    <row r="1595" spans="1:10" x14ac:dyDescent="0.25">
      <c r="A1595" s="7"/>
      <c r="B1595" s="23"/>
      <c r="C1595" t="s">
        <v>2218</v>
      </c>
      <c r="D1595" s="23" t="s">
        <v>2241</v>
      </c>
      <c r="E1595" s="1" t="str">
        <f t="shared" ref="E1595:E1598" si="325" xml:space="preserve"> HYPERLINK(CONCATENATE("http://www.sap.com/community/tag.html?id=",$F1595))</f>
        <v>http://www.sap.com/community/tag.html?id=01200615320800003665</v>
      </c>
      <c r="F1595" s="23" t="s">
        <v>3785</v>
      </c>
      <c r="G1595"/>
      <c r="H1595"/>
      <c r="I1595"/>
      <c r="J1595"/>
    </row>
    <row r="1596" spans="1:10" x14ac:dyDescent="0.25">
      <c r="A1596" s="7"/>
      <c r="B1596"/>
      <c r="C1596" s="23" t="s">
        <v>92</v>
      </c>
      <c r="D1596" s="23" t="s">
        <v>2241</v>
      </c>
      <c r="E1596" s="1" t="str">
        <f t="shared" si="325"/>
        <v>http://www.sap.com/community/tag.html?id=67837800100800005528</v>
      </c>
      <c r="F1596" s="23" t="s">
        <v>3786</v>
      </c>
      <c r="G1596"/>
      <c r="H1596"/>
      <c r="I1596"/>
      <c r="J1596"/>
    </row>
    <row r="1597" spans="1:10" x14ac:dyDescent="0.25">
      <c r="A1597" s="7"/>
      <c r="B1597" s="23"/>
      <c r="C1597" t="s">
        <v>510</v>
      </c>
      <c r="D1597" s="23" t="s">
        <v>2241</v>
      </c>
      <c r="E1597" s="1" t="str">
        <f t="shared" si="325"/>
        <v>http://www.sap.com/community/tag.html?id=01200615320800004038</v>
      </c>
      <c r="F1597" s="23" t="s">
        <v>3787</v>
      </c>
      <c r="G1597"/>
      <c r="H1597"/>
      <c r="I1597"/>
      <c r="J1597"/>
    </row>
    <row r="1598" spans="1:10" x14ac:dyDescent="0.25">
      <c r="A1598" s="7"/>
      <c r="B1598"/>
      <c r="C1598" s="23" t="s">
        <v>1649</v>
      </c>
      <c r="D1598" s="23" t="s">
        <v>2241</v>
      </c>
      <c r="E1598" s="1" t="str">
        <f t="shared" si="325"/>
        <v>http://www.sap.com/community/tag.html?id=01200615320800004037</v>
      </c>
      <c r="F1598" s="23" t="s">
        <v>3788</v>
      </c>
      <c r="G1598"/>
      <c r="H1598"/>
      <c r="I1598"/>
      <c r="J1598"/>
    </row>
    <row r="1599" spans="1:10" x14ac:dyDescent="0.25">
      <c r="A1599" s="7"/>
      <c r="B1599" s="23" t="s">
        <v>1181</v>
      </c>
      <c r="C1599"/>
      <c r="D1599" s="7" t="s">
        <v>5032</v>
      </c>
      <c r="E1599" s="1"/>
      <c r="F1599" s="23" t="s">
        <v>3789</v>
      </c>
      <c r="G1599"/>
      <c r="H1599"/>
      <c r="I1599"/>
      <c r="J1599"/>
    </row>
    <row r="1600" spans="1:10" x14ac:dyDescent="0.25">
      <c r="A1600" s="7"/>
      <c r="B1600"/>
      <c r="C1600" s="23" t="s">
        <v>1181</v>
      </c>
      <c r="D1600" s="23" t="s">
        <v>2241</v>
      </c>
      <c r="E1600" s="1" t="str">
        <f t="shared" ref="E1600:E1601" si="326" xml:space="preserve"> HYPERLINK(CONCATENATE("http://www.sap.com/community/tag.html?id=",$F1600))</f>
        <v>http://www.sap.com/community/tag.html?id=01200314690800002257</v>
      </c>
      <c r="F1600" s="23" t="s">
        <v>3790</v>
      </c>
      <c r="G1600"/>
      <c r="H1600"/>
      <c r="I1600"/>
      <c r="J1600"/>
    </row>
    <row r="1601" spans="1:10" x14ac:dyDescent="0.25">
      <c r="A1601" s="7"/>
      <c r="B1601"/>
      <c r="C1601" s="23" t="s">
        <v>166</v>
      </c>
      <c r="D1601" s="23" t="s">
        <v>2241</v>
      </c>
      <c r="E1601" s="1" t="str">
        <f t="shared" si="326"/>
        <v>http://www.sap.com/community/tag.html?id=67838200100800004909</v>
      </c>
      <c r="F1601" s="23" t="s">
        <v>3791</v>
      </c>
      <c r="G1601"/>
      <c r="H1601"/>
      <c r="I1601"/>
      <c r="J1601"/>
    </row>
    <row r="1602" spans="1:10" x14ac:dyDescent="0.25">
      <c r="A1602" s="7"/>
      <c r="B1602" s="23" t="s">
        <v>506</v>
      </c>
      <c r="C1602"/>
      <c r="D1602" s="7" t="s">
        <v>5032</v>
      </c>
      <c r="E1602" s="1"/>
      <c r="F1602" s="23" t="s">
        <v>3792</v>
      </c>
      <c r="G1602"/>
      <c r="H1602"/>
      <c r="I1602"/>
      <c r="J1602"/>
    </row>
    <row r="1603" spans="1:10" x14ac:dyDescent="0.25">
      <c r="A1603" s="7"/>
      <c r="B1603"/>
      <c r="C1603" s="23" t="s">
        <v>1383</v>
      </c>
      <c r="D1603" s="23" t="s">
        <v>2241</v>
      </c>
      <c r="E1603" s="1" t="str">
        <f t="shared" ref="E1603" si="327" xml:space="preserve"> HYPERLINK(CONCATENATE("http://www.sap.com/community/tag.html?id=",$F1603))</f>
        <v>http://www.sap.com/community/tag.html?id=01200615320800003347</v>
      </c>
      <c r="F1603" s="23" t="s">
        <v>3793</v>
      </c>
      <c r="G1603"/>
      <c r="H1603"/>
      <c r="I1603"/>
      <c r="J1603"/>
    </row>
    <row r="1604" spans="1:10" x14ac:dyDescent="0.25">
      <c r="A1604" s="7"/>
      <c r="B1604" s="23" t="s">
        <v>679</v>
      </c>
      <c r="C1604"/>
      <c r="D1604" s="7" t="s">
        <v>5032</v>
      </c>
      <c r="E1604" s="1"/>
      <c r="F1604" s="23" t="s">
        <v>3794</v>
      </c>
      <c r="G1604"/>
      <c r="H1604"/>
      <c r="I1604"/>
      <c r="J1604"/>
    </row>
    <row r="1605" spans="1:10" x14ac:dyDescent="0.25">
      <c r="A1605" s="7"/>
      <c r="B1605"/>
      <c r="C1605" s="23" t="s">
        <v>532</v>
      </c>
      <c r="D1605" s="23" t="s">
        <v>2241</v>
      </c>
      <c r="E1605" s="1" t="str">
        <f t="shared" ref="E1605" si="328" xml:space="preserve"> HYPERLINK(CONCATENATE("http://www.sap.com/community/tag.html?id=",$F1605))</f>
        <v>http://www.sap.com/community/tag.html?id=67837800100800007196</v>
      </c>
      <c r="F1605" s="23" t="s">
        <v>3795</v>
      </c>
      <c r="G1605"/>
      <c r="H1605"/>
      <c r="I1605"/>
      <c r="J1605"/>
    </row>
    <row r="1606" spans="1:10" x14ac:dyDescent="0.25">
      <c r="A1606" s="7"/>
      <c r="B1606" s="23" t="s">
        <v>181</v>
      </c>
      <c r="C1606"/>
      <c r="D1606" s="7" t="s">
        <v>5032</v>
      </c>
      <c r="E1606" s="1"/>
      <c r="F1606" s="23" t="s">
        <v>3796</v>
      </c>
      <c r="G1606"/>
      <c r="H1606"/>
      <c r="I1606"/>
      <c r="J1606"/>
    </row>
    <row r="1607" spans="1:10" x14ac:dyDescent="0.25">
      <c r="A1607" s="7"/>
      <c r="B1607"/>
      <c r="C1607" s="23" t="s">
        <v>181</v>
      </c>
      <c r="D1607" s="23" t="s">
        <v>2241</v>
      </c>
      <c r="E1607" s="1" t="str">
        <f t="shared" ref="E1607:E1608" si="329" xml:space="preserve"> HYPERLINK(CONCATENATE("http://www.sap.com/community/tag.html?id=",$F1607))</f>
        <v>http://www.sap.com/community/tag.html?id=67838200100800006233</v>
      </c>
      <c r="F1607" s="23" t="s">
        <v>3797</v>
      </c>
      <c r="G1607"/>
      <c r="H1607"/>
      <c r="I1607"/>
      <c r="J1607"/>
    </row>
    <row r="1608" spans="1:10" x14ac:dyDescent="0.25">
      <c r="A1608" s="7"/>
      <c r="B1608"/>
      <c r="C1608" s="23" t="s">
        <v>1473</v>
      </c>
      <c r="D1608" s="23" t="s">
        <v>2241</v>
      </c>
      <c r="E1608" s="1" t="str">
        <f t="shared" si="329"/>
        <v>http://www.sap.com/community/tag.html?id=67837800100800005969</v>
      </c>
      <c r="F1608" s="23" t="s">
        <v>3798</v>
      </c>
      <c r="G1608"/>
      <c r="H1608"/>
      <c r="I1608"/>
      <c r="J1608"/>
    </row>
    <row r="1609" spans="1:10" x14ac:dyDescent="0.25">
      <c r="A1609" s="7"/>
      <c r="B1609" t="s">
        <v>63</v>
      </c>
      <c r="C1609" s="23"/>
      <c r="D1609" s="7" t="s">
        <v>5032</v>
      </c>
      <c r="E1609" s="1"/>
      <c r="F1609" s="23" t="s">
        <v>3799</v>
      </c>
      <c r="G1609"/>
      <c r="H1609"/>
      <c r="I1609"/>
      <c r="J1609"/>
    </row>
    <row r="1610" spans="1:10" x14ac:dyDescent="0.25">
      <c r="A1610" s="7"/>
      <c r="B1610" s="23"/>
      <c r="C1610" t="s">
        <v>63</v>
      </c>
      <c r="D1610" s="23" t="s">
        <v>2241</v>
      </c>
      <c r="E1610" s="1" t="str">
        <f t="shared" ref="E1610" si="330" xml:space="preserve"> HYPERLINK(CONCATENATE("http://www.sap.com/community/tag.html?id=",$F1610))</f>
        <v>http://www.sap.com/community/tag.html?id=73555000100800000063</v>
      </c>
      <c r="F1610" s="23" t="s">
        <v>3800</v>
      </c>
      <c r="G1610"/>
      <c r="H1610"/>
      <c r="I1610"/>
      <c r="J1610"/>
    </row>
    <row r="1611" spans="1:10" x14ac:dyDescent="0.25">
      <c r="A1611" s="7"/>
      <c r="B1611" t="s">
        <v>1936</v>
      </c>
      <c r="C1611" s="23"/>
      <c r="D1611" s="7" t="s">
        <v>5032</v>
      </c>
      <c r="E1611" s="1"/>
      <c r="F1611" s="23" t="s">
        <v>3801</v>
      </c>
      <c r="G1611"/>
      <c r="H1611"/>
      <c r="I1611"/>
      <c r="J1611"/>
    </row>
    <row r="1612" spans="1:10" x14ac:dyDescent="0.25">
      <c r="A1612" s="7"/>
      <c r="B1612" s="23"/>
      <c r="C1612" t="s">
        <v>1861</v>
      </c>
      <c r="D1612" s="23" t="s">
        <v>2241</v>
      </c>
      <c r="E1612" s="1" t="str">
        <f t="shared" ref="E1612" si="331" xml:space="preserve"> HYPERLINK(CONCATENATE("http://www.sap.com/community/tag.html?id=",$F1612))</f>
        <v>http://www.sap.com/community/tag.html?id=01200314690800001009</v>
      </c>
      <c r="F1612" s="23" t="s">
        <v>3802</v>
      </c>
      <c r="G1612"/>
      <c r="H1612"/>
      <c r="I1612"/>
      <c r="J1612"/>
    </row>
    <row r="1613" spans="1:10" x14ac:dyDescent="0.25">
      <c r="A1613" s="7"/>
      <c r="B1613" t="s">
        <v>733</v>
      </c>
      <c r="C1613" s="23"/>
      <c r="D1613" s="7" t="s">
        <v>5032</v>
      </c>
      <c r="E1613" s="1"/>
      <c r="F1613" s="23" t="s">
        <v>3803</v>
      </c>
      <c r="G1613"/>
      <c r="H1613"/>
      <c r="I1613"/>
      <c r="J1613"/>
    </row>
    <row r="1614" spans="1:10" x14ac:dyDescent="0.25">
      <c r="A1614" s="7"/>
      <c r="B1614" s="23"/>
      <c r="C1614" t="s">
        <v>733</v>
      </c>
      <c r="D1614" s="23" t="s">
        <v>2241</v>
      </c>
      <c r="E1614" s="1" t="str">
        <f t="shared" ref="E1614:E1616" si="332" xml:space="preserve"> HYPERLINK(CONCATENATE("http://www.sap.com/community/tag.html?id=",$F1614))</f>
        <v>http://www.sap.com/community/tag.html?id=67838200100800006508</v>
      </c>
      <c r="F1614" s="23" t="s">
        <v>3804</v>
      </c>
      <c r="G1614"/>
      <c r="H1614"/>
      <c r="I1614"/>
      <c r="J1614"/>
    </row>
    <row r="1615" spans="1:10" x14ac:dyDescent="0.25">
      <c r="A1615" s="7"/>
      <c r="B1615"/>
      <c r="C1615" s="23" t="s">
        <v>697</v>
      </c>
      <c r="D1615" s="23" t="s">
        <v>2241</v>
      </c>
      <c r="E1615" s="1" t="str">
        <f t="shared" si="332"/>
        <v>http://www.sap.com/community/tag.html?id=67838200100800006457</v>
      </c>
      <c r="F1615" s="23" t="s">
        <v>3805</v>
      </c>
      <c r="G1615"/>
      <c r="H1615"/>
      <c r="I1615"/>
      <c r="J1615"/>
    </row>
    <row r="1616" spans="1:10" x14ac:dyDescent="0.25">
      <c r="A1616" s="7"/>
      <c r="B1616"/>
      <c r="C1616" s="23" t="s">
        <v>481</v>
      </c>
      <c r="D1616" s="23" t="s">
        <v>2241</v>
      </c>
      <c r="E1616" s="1" t="str">
        <f t="shared" si="332"/>
        <v>http://www.sap.com/community/tag.html?id=67837800100800007336</v>
      </c>
      <c r="F1616" s="23" t="s">
        <v>3806</v>
      </c>
      <c r="G1616"/>
      <c r="H1616"/>
      <c r="I1616"/>
      <c r="J1616"/>
    </row>
    <row r="1617" spans="1:10" x14ac:dyDescent="0.25">
      <c r="A1617" s="7"/>
      <c r="B1617" s="23" t="s">
        <v>866</v>
      </c>
      <c r="C1617"/>
      <c r="D1617" s="7" t="s">
        <v>5032</v>
      </c>
      <c r="E1617" s="1"/>
      <c r="F1617" s="23" t="s">
        <v>3807</v>
      </c>
      <c r="G1617"/>
      <c r="H1617"/>
      <c r="I1617"/>
      <c r="J1617"/>
    </row>
    <row r="1618" spans="1:10" x14ac:dyDescent="0.25">
      <c r="A1618" s="7"/>
      <c r="B1618"/>
      <c r="C1618" s="23" t="s">
        <v>866</v>
      </c>
      <c r="D1618" s="23" t="s">
        <v>2241</v>
      </c>
      <c r="E1618" s="1" t="str">
        <f t="shared" ref="E1618" si="333" xml:space="preserve"> HYPERLINK(CONCATENATE("http://www.sap.com/community/tag.html?id=",$F1618))</f>
        <v>http://www.sap.com/community/tag.html?id=01200314690800003774</v>
      </c>
      <c r="F1618" s="23" t="s">
        <v>3808</v>
      </c>
      <c r="G1618"/>
      <c r="H1618"/>
      <c r="I1618"/>
      <c r="J1618"/>
    </row>
    <row r="1619" spans="1:10" x14ac:dyDescent="0.25">
      <c r="A1619" s="7"/>
      <c r="B1619" s="23" t="s">
        <v>1413</v>
      </c>
      <c r="C1619"/>
      <c r="D1619" s="7" t="s">
        <v>5032</v>
      </c>
      <c r="E1619" s="1"/>
      <c r="F1619" s="23" t="s">
        <v>3809</v>
      </c>
      <c r="G1619"/>
      <c r="H1619"/>
      <c r="I1619"/>
      <c r="J1619"/>
    </row>
    <row r="1620" spans="1:10" x14ac:dyDescent="0.25">
      <c r="A1620" s="7"/>
      <c r="B1620"/>
      <c r="C1620" s="23" t="s">
        <v>1413</v>
      </c>
      <c r="D1620" s="23" t="s">
        <v>2241</v>
      </c>
      <c r="E1620" s="1" t="str">
        <f t="shared" ref="E1620" si="334" xml:space="preserve"> HYPERLINK(CONCATENATE("http://www.sap.com/community/tag.html?id=",$F1620))</f>
        <v>http://www.sap.com/community/tag.html?id=01200615320800003325</v>
      </c>
      <c r="F1620" s="23" t="s">
        <v>3810</v>
      </c>
      <c r="G1620"/>
      <c r="H1620"/>
      <c r="I1620"/>
      <c r="J1620"/>
    </row>
    <row r="1621" spans="1:10" x14ac:dyDescent="0.25">
      <c r="A1621" s="7"/>
      <c r="B1621" s="23" t="s">
        <v>1594</v>
      </c>
      <c r="C1621"/>
      <c r="D1621" s="7" t="s">
        <v>5032</v>
      </c>
      <c r="E1621" s="1"/>
      <c r="F1621" s="23" t="s">
        <v>3811</v>
      </c>
      <c r="G1621"/>
      <c r="H1621"/>
      <c r="I1621"/>
      <c r="J1621"/>
    </row>
    <row r="1622" spans="1:10" x14ac:dyDescent="0.25">
      <c r="A1622" s="7"/>
      <c r="B1622"/>
      <c r="C1622" s="23" t="s">
        <v>1594</v>
      </c>
      <c r="D1622" s="23" t="s">
        <v>2241</v>
      </c>
      <c r="E1622" s="1" t="str">
        <f t="shared" ref="E1622:E1623" si="335" xml:space="preserve"> HYPERLINK(CONCATENATE("http://www.sap.com/community/tag.html?id=",$F1622))</f>
        <v>http://www.sap.com/community/tag.html?id=01200314690800002878</v>
      </c>
      <c r="F1622" s="23" t="s">
        <v>3812</v>
      </c>
      <c r="G1622"/>
      <c r="H1622"/>
      <c r="I1622"/>
      <c r="J1622"/>
    </row>
    <row r="1623" spans="1:10" x14ac:dyDescent="0.25">
      <c r="A1623" s="7"/>
      <c r="B1623" s="23"/>
      <c r="C1623" t="s">
        <v>2039</v>
      </c>
      <c r="D1623" s="23" t="s">
        <v>2241</v>
      </c>
      <c r="E1623" s="1" t="str">
        <f t="shared" si="335"/>
        <v>http://www.sap.com/community/tag.html?id=01200615320800000599</v>
      </c>
      <c r="F1623" s="23" t="s">
        <v>3813</v>
      </c>
      <c r="G1623"/>
      <c r="H1623"/>
      <c r="I1623"/>
      <c r="J1623"/>
    </row>
    <row r="1624" spans="1:10" x14ac:dyDescent="0.25">
      <c r="A1624" s="7"/>
      <c r="B1624" t="s">
        <v>548</v>
      </c>
      <c r="C1624" s="23"/>
      <c r="D1624" s="7" t="s">
        <v>5032</v>
      </c>
      <c r="E1624" s="1"/>
      <c r="F1624" s="23" t="s">
        <v>3816</v>
      </c>
      <c r="G1624"/>
      <c r="H1624"/>
      <c r="I1624"/>
      <c r="J1624"/>
    </row>
    <row r="1625" spans="1:10" x14ac:dyDescent="0.25">
      <c r="A1625" s="7"/>
      <c r="B1625" s="23"/>
      <c r="C1625" t="s">
        <v>548</v>
      </c>
      <c r="D1625" s="23" t="s">
        <v>2241</v>
      </c>
      <c r="E1625" s="1" t="str">
        <f t="shared" ref="E1625" si="336" xml:space="preserve"> HYPERLINK(CONCATENATE("http://www.sap.com/community/tag.html?id=",$F1625))</f>
        <v>http://www.sap.com/community/tag.html?id=01200615320800003336</v>
      </c>
      <c r="F1625" s="23" t="s">
        <v>3817</v>
      </c>
      <c r="G1625"/>
      <c r="H1625"/>
      <c r="I1625"/>
      <c r="J1625"/>
    </row>
    <row r="1626" spans="1:10" x14ac:dyDescent="0.25">
      <c r="A1626" s="7"/>
      <c r="B1626" t="s">
        <v>1890</v>
      </c>
      <c r="C1626" s="23"/>
      <c r="D1626" s="7" t="s">
        <v>5032</v>
      </c>
      <c r="E1626" s="1"/>
      <c r="F1626" s="23" t="s">
        <v>3818</v>
      </c>
      <c r="G1626"/>
      <c r="H1626"/>
      <c r="I1626"/>
      <c r="J1626"/>
    </row>
    <row r="1627" spans="1:10" x14ac:dyDescent="0.25">
      <c r="A1627" s="7"/>
      <c r="B1627"/>
      <c r="C1627" s="23" t="s">
        <v>1890</v>
      </c>
      <c r="D1627" s="23" t="s">
        <v>2241</v>
      </c>
      <c r="E1627" s="1" t="str">
        <f t="shared" ref="E1627" si="337" xml:space="preserve"> HYPERLINK(CONCATENATE("http://www.sap.com/community/tag.html?id=",$F1627))</f>
        <v>http://www.sap.com/community/tag.html?id=01200314690800003647</v>
      </c>
      <c r="F1627" s="23" t="s">
        <v>3819</v>
      </c>
      <c r="G1627"/>
      <c r="H1627"/>
      <c r="I1627"/>
      <c r="J1627"/>
    </row>
    <row r="1628" spans="1:10" x14ac:dyDescent="0.25">
      <c r="A1628" s="7"/>
      <c r="B1628" s="23" t="s">
        <v>1974</v>
      </c>
      <c r="C1628"/>
      <c r="D1628" s="7" t="s">
        <v>5032</v>
      </c>
      <c r="E1628" s="1"/>
      <c r="F1628" s="23" t="s">
        <v>3820</v>
      </c>
      <c r="G1628"/>
      <c r="H1628"/>
      <c r="I1628"/>
      <c r="J1628"/>
    </row>
    <row r="1629" spans="1:10" x14ac:dyDescent="0.25">
      <c r="A1629" s="7"/>
      <c r="B1629"/>
      <c r="C1629" s="23" t="s">
        <v>980</v>
      </c>
      <c r="D1629" s="23" t="s">
        <v>2241</v>
      </c>
      <c r="E1629" s="1" t="str">
        <f t="shared" ref="E1629" si="338" xml:space="preserve"> HYPERLINK(CONCATENATE("http://www.sap.com/community/tag.html?id=",$F1629))</f>
        <v>http://www.sap.com/community/tag.html?id=67838200100800006558</v>
      </c>
      <c r="F1629" s="23" t="s">
        <v>3821</v>
      </c>
      <c r="G1629"/>
      <c r="H1629"/>
      <c r="I1629"/>
      <c r="J1629"/>
    </row>
    <row r="1630" spans="1:10" x14ac:dyDescent="0.25">
      <c r="A1630" s="7"/>
      <c r="B1630" t="s">
        <v>298</v>
      </c>
      <c r="C1630" s="23"/>
      <c r="D1630" s="7" t="s">
        <v>5032</v>
      </c>
      <c r="E1630" s="1"/>
      <c r="F1630" s="23" t="s">
        <v>3822</v>
      </c>
      <c r="G1630"/>
      <c r="H1630"/>
      <c r="I1630"/>
      <c r="J1630"/>
    </row>
    <row r="1631" spans="1:10" x14ac:dyDescent="0.25">
      <c r="A1631" s="7"/>
      <c r="B1631" s="23"/>
      <c r="C1631" t="s">
        <v>298</v>
      </c>
      <c r="D1631" s="23" t="s">
        <v>2241</v>
      </c>
      <c r="E1631" s="1" t="str">
        <f t="shared" ref="E1631" si="339" xml:space="preserve"> HYPERLINK(CONCATENATE("http://www.sap.com/community/tag.html?id=",$F1631))</f>
        <v>http://www.sap.com/community/tag.html?id=67837800100800007026</v>
      </c>
      <c r="F1631" s="23" t="s">
        <v>3823</v>
      </c>
      <c r="G1631"/>
      <c r="H1631"/>
      <c r="I1631"/>
      <c r="J1631"/>
    </row>
    <row r="1632" spans="1:10" x14ac:dyDescent="0.25">
      <c r="A1632" s="7"/>
      <c r="B1632" t="s">
        <v>1138</v>
      </c>
      <c r="C1632" s="23"/>
      <c r="D1632" s="7" t="s">
        <v>5032</v>
      </c>
      <c r="E1632" s="1"/>
      <c r="F1632" s="23" t="s">
        <v>3824</v>
      </c>
      <c r="G1632"/>
      <c r="H1632"/>
      <c r="I1632"/>
      <c r="J1632"/>
    </row>
    <row r="1633" spans="1:10" x14ac:dyDescent="0.25">
      <c r="A1633" s="7"/>
      <c r="B1633"/>
      <c r="C1633" s="23" t="s">
        <v>1138</v>
      </c>
      <c r="D1633" s="23" t="s">
        <v>2241</v>
      </c>
      <c r="E1633" s="1" t="str">
        <f t="shared" ref="E1633:E1634" si="340" xml:space="preserve"> HYPERLINK(CONCATENATE("http://www.sap.com/community/tag.html?id=",$F1633))</f>
        <v>http://www.sap.com/community/tag.html?id=01200615320800000542</v>
      </c>
      <c r="F1633" s="23" t="s">
        <v>3825</v>
      </c>
      <c r="G1633"/>
      <c r="H1633"/>
      <c r="I1633"/>
      <c r="J1633"/>
    </row>
    <row r="1634" spans="1:10" x14ac:dyDescent="0.25">
      <c r="A1634" s="7"/>
      <c r="B1634" s="23"/>
      <c r="C1634" t="s">
        <v>341</v>
      </c>
      <c r="D1634" s="23" t="s">
        <v>2241</v>
      </c>
      <c r="E1634" s="1" t="str">
        <f t="shared" si="340"/>
        <v>http://www.sap.com/community/tag.html?id=01200314690800000855</v>
      </c>
      <c r="F1634" s="23" t="s">
        <v>3826</v>
      </c>
      <c r="G1634"/>
      <c r="H1634"/>
      <c r="I1634"/>
      <c r="J1634"/>
    </row>
    <row r="1635" spans="1:10" x14ac:dyDescent="0.25">
      <c r="A1635" s="7"/>
      <c r="B1635" t="s">
        <v>180</v>
      </c>
      <c r="C1635" s="23"/>
      <c r="D1635" s="7" t="s">
        <v>5032</v>
      </c>
      <c r="E1635" s="1"/>
      <c r="F1635" s="23" t="s">
        <v>3827</v>
      </c>
      <c r="G1635"/>
      <c r="H1635"/>
      <c r="I1635"/>
      <c r="J1635"/>
    </row>
    <row r="1636" spans="1:10" x14ac:dyDescent="0.25">
      <c r="A1636" s="7"/>
      <c r="B1636" s="23"/>
      <c r="C1636" t="s">
        <v>180</v>
      </c>
      <c r="D1636" s="23" t="s">
        <v>2241</v>
      </c>
      <c r="E1636" s="1" t="str">
        <f t="shared" ref="E1636:E1637" si="341" xml:space="preserve"> HYPERLINK(CONCATENATE("http://www.sap.com/community/tag.html?id=",$F1636))</f>
        <v>http://www.sap.com/community/tag.html?id=01200615320800002733</v>
      </c>
      <c r="F1636" s="23" t="s">
        <v>3828</v>
      </c>
      <c r="G1636"/>
      <c r="H1636"/>
      <c r="I1636"/>
      <c r="J1636"/>
    </row>
    <row r="1637" spans="1:10" x14ac:dyDescent="0.25">
      <c r="A1637" s="7"/>
      <c r="B1637"/>
      <c r="C1637" s="23" t="s">
        <v>690</v>
      </c>
      <c r="D1637" s="23" t="s">
        <v>2241</v>
      </c>
      <c r="E1637" s="1" t="str">
        <f t="shared" si="341"/>
        <v>http://www.sap.com/community/tag.html?id=01200615320800002732</v>
      </c>
      <c r="F1637" s="23" t="s">
        <v>3829</v>
      </c>
      <c r="G1637"/>
      <c r="H1637"/>
      <c r="I1637"/>
      <c r="J1637"/>
    </row>
    <row r="1638" spans="1:10" x14ac:dyDescent="0.25">
      <c r="A1638" s="7"/>
      <c r="B1638" s="23" t="s">
        <v>154</v>
      </c>
      <c r="C1638"/>
      <c r="D1638" s="7" t="s">
        <v>5032</v>
      </c>
      <c r="E1638" s="1"/>
      <c r="F1638" s="23" t="s">
        <v>3830</v>
      </c>
      <c r="G1638"/>
      <c r="H1638"/>
      <c r="I1638"/>
      <c r="J1638"/>
    </row>
    <row r="1639" spans="1:10" x14ac:dyDescent="0.25">
      <c r="A1639" s="7"/>
      <c r="B1639"/>
      <c r="C1639" s="23" t="s">
        <v>154</v>
      </c>
      <c r="D1639" s="23" t="s">
        <v>2241</v>
      </c>
      <c r="E1639" s="1" t="str">
        <f t="shared" ref="E1639:E1640" si="342" xml:space="preserve"> HYPERLINK(CONCATENATE("http://www.sap.com/community/tag.html?id=",$F1639))</f>
        <v>http://www.sap.com/community/tag.html?id=01200615320800003661</v>
      </c>
      <c r="F1639" s="23" t="s">
        <v>3831</v>
      </c>
      <c r="G1639"/>
      <c r="H1639"/>
      <c r="I1639"/>
      <c r="J1639"/>
    </row>
    <row r="1640" spans="1:10" x14ac:dyDescent="0.25">
      <c r="A1640" s="7"/>
      <c r="B1640"/>
      <c r="C1640" s="23" t="s">
        <v>0</v>
      </c>
      <c r="D1640" s="23" t="s">
        <v>2241</v>
      </c>
      <c r="E1640" s="1" t="str">
        <f t="shared" si="342"/>
        <v>http://www.sap.com/community/tag.html?id=01200615320800004029</v>
      </c>
      <c r="F1640" s="23" t="s">
        <v>3832</v>
      </c>
      <c r="G1640"/>
      <c r="H1640"/>
      <c r="I1640"/>
      <c r="J1640"/>
    </row>
    <row r="1641" spans="1:10" x14ac:dyDescent="0.25">
      <c r="A1641" s="7"/>
      <c r="B1641" t="s">
        <v>5428</v>
      </c>
      <c r="C1641" s="23"/>
      <c r="D1641" s="7" t="s">
        <v>5032</v>
      </c>
      <c r="E1641" s="1"/>
      <c r="F1641" s="23" t="s">
        <v>3961</v>
      </c>
      <c r="G1641"/>
      <c r="H1641"/>
      <c r="I1641"/>
      <c r="J1641"/>
    </row>
    <row r="1642" spans="1:10" x14ac:dyDescent="0.25">
      <c r="A1642" s="7"/>
      <c r="B1642"/>
      <c r="C1642" s="23" t="s">
        <v>5429</v>
      </c>
      <c r="D1642" s="23" t="s">
        <v>2241</v>
      </c>
      <c r="E1642" s="1" t="str">
        <f t="shared" ref="E1642:E1649" si="343" xml:space="preserve"> HYPERLINK(CONCATENATE("http://www.sap.com/community/tag.html?id=",$F1642))</f>
        <v>http://www.sap.com/community/tag.html?id=73555000100800000429</v>
      </c>
      <c r="F1642" s="23" t="s">
        <v>3962</v>
      </c>
      <c r="G1642"/>
      <c r="H1642"/>
      <c r="I1642"/>
      <c r="J1642"/>
    </row>
    <row r="1643" spans="1:10" x14ac:dyDescent="0.25">
      <c r="A1643" s="7"/>
      <c r="B1643" s="23"/>
      <c r="C1643" t="s">
        <v>5430</v>
      </c>
      <c r="D1643" s="23" t="s">
        <v>2241</v>
      </c>
      <c r="E1643" s="1" t="str">
        <f t="shared" si="343"/>
        <v>http://www.sap.com/community/tag.html?id=73554900100800000101</v>
      </c>
      <c r="F1643" s="23" t="s">
        <v>3963</v>
      </c>
      <c r="G1643"/>
      <c r="H1643"/>
      <c r="I1643"/>
      <c r="J1643"/>
    </row>
    <row r="1644" spans="1:10" x14ac:dyDescent="0.25">
      <c r="A1644" s="7"/>
      <c r="B1644"/>
      <c r="C1644" s="23" t="s">
        <v>5431</v>
      </c>
      <c r="D1644" s="23" t="s">
        <v>2241</v>
      </c>
      <c r="E1644" s="1" t="str">
        <f t="shared" si="343"/>
        <v>http://www.sap.com/community/tag.html?id=73555000100800000332</v>
      </c>
      <c r="F1644" s="23" t="s">
        <v>3964</v>
      </c>
      <c r="G1644"/>
      <c r="H1644"/>
      <c r="I1644"/>
      <c r="J1644"/>
    </row>
    <row r="1645" spans="1:10" x14ac:dyDescent="0.25">
      <c r="A1645" s="7"/>
      <c r="B1645" s="23"/>
      <c r="C1645" t="s">
        <v>2054</v>
      </c>
      <c r="D1645" s="23" t="s">
        <v>2241</v>
      </c>
      <c r="E1645" s="1" t="str">
        <f t="shared" si="343"/>
        <v>http://www.sap.com/community/tag.html?id=67837800100800004444</v>
      </c>
      <c r="F1645" s="23" t="s">
        <v>3965</v>
      </c>
      <c r="G1645"/>
      <c r="H1645"/>
      <c r="I1645"/>
      <c r="J1645"/>
    </row>
    <row r="1646" spans="1:10" x14ac:dyDescent="0.25">
      <c r="A1646" s="7"/>
      <c r="B1646"/>
      <c r="C1646" s="23" t="s">
        <v>1775</v>
      </c>
      <c r="D1646" s="23" t="s">
        <v>2241</v>
      </c>
      <c r="E1646" s="1" t="str">
        <f t="shared" si="343"/>
        <v>http://www.sap.com/community/tag.html?id=67837800100800004445</v>
      </c>
      <c r="F1646" s="23" t="s">
        <v>3966</v>
      </c>
      <c r="G1646"/>
      <c r="H1646"/>
      <c r="I1646"/>
      <c r="J1646"/>
    </row>
    <row r="1647" spans="1:10" x14ac:dyDescent="0.25">
      <c r="A1647" s="7"/>
      <c r="B1647"/>
      <c r="C1647" s="23" t="s">
        <v>2192</v>
      </c>
      <c r="D1647" s="23" t="s">
        <v>2241</v>
      </c>
      <c r="E1647" s="1" t="str">
        <f t="shared" si="343"/>
        <v>http://www.sap.com/community/tag.html?id=67837800100800004596</v>
      </c>
      <c r="F1647" s="23" t="s">
        <v>3967</v>
      </c>
      <c r="G1647"/>
      <c r="H1647"/>
      <c r="I1647"/>
      <c r="J1647"/>
    </row>
    <row r="1648" spans="1:10" x14ac:dyDescent="0.25">
      <c r="A1648" s="7"/>
      <c r="B1648"/>
      <c r="C1648" s="23" t="s">
        <v>500</v>
      </c>
      <c r="D1648" s="23" t="s">
        <v>2241</v>
      </c>
      <c r="E1648" s="1" t="str">
        <f t="shared" si="343"/>
        <v>http://www.sap.com/community/tag.html?id=67837800100800004597</v>
      </c>
      <c r="F1648" s="23" t="s">
        <v>3968</v>
      </c>
      <c r="G1648"/>
      <c r="H1648"/>
      <c r="I1648"/>
      <c r="J1648"/>
    </row>
    <row r="1649" spans="1:10" x14ac:dyDescent="0.25">
      <c r="A1649" s="7"/>
      <c r="B1649" s="23"/>
      <c r="C1649" t="s">
        <v>1118</v>
      </c>
      <c r="D1649" s="23" t="s">
        <v>2241</v>
      </c>
      <c r="E1649" s="1" t="str">
        <f t="shared" si="343"/>
        <v>http://www.sap.com/community/tag.html?id=67837800100800004443</v>
      </c>
      <c r="F1649" s="23" t="s">
        <v>3969</v>
      </c>
      <c r="G1649"/>
      <c r="H1649"/>
      <c r="I1649"/>
      <c r="J1649"/>
    </row>
    <row r="1650" spans="1:10" x14ac:dyDescent="0.25">
      <c r="A1650" s="7"/>
      <c r="B1650" t="s">
        <v>1585</v>
      </c>
      <c r="C1650" s="23"/>
      <c r="D1650" s="7" t="s">
        <v>5032</v>
      </c>
      <c r="E1650" s="1"/>
      <c r="F1650" s="23" t="s">
        <v>3833</v>
      </c>
      <c r="G1650"/>
      <c r="H1650"/>
      <c r="I1650"/>
      <c r="J1650"/>
    </row>
    <row r="1651" spans="1:10" x14ac:dyDescent="0.25">
      <c r="A1651" s="7"/>
      <c r="B1651"/>
      <c r="C1651" s="23" t="s">
        <v>1585</v>
      </c>
      <c r="D1651" s="23" t="s">
        <v>2241</v>
      </c>
      <c r="E1651" s="1" t="str">
        <f t="shared" ref="E1651" si="344" xml:space="preserve"> HYPERLINK(CONCATENATE("http://www.sap.com/community/tag.html?id=",$F1651))</f>
        <v>http://www.sap.com/community/tag.html?id=01200615320800000724</v>
      </c>
      <c r="F1651" s="23" t="s">
        <v>3834</v>
      </c>
      <c r="G1651"/>
      <c r="H1651"/>
      <c r="I1651"/>
      <c r="J1651"/>
    </row>
    <row r="1652" spans="1:10" x14ac:dyDescent="0.25">
      <c r="A1652" s="7"/>
      <c r="B1652" t="s">
        <v>1055</v>
      </c>
      <c r="C1652" s="23"/>
      <c r="D1652" s="7" t="s">
        <v>5032</v>
      </c>
      <c r="E1652" s="1"/>
      <c r="F1652" s="23" t="s">
        <v>3835</v>
      </c>
      <c r="G1652"/>
      <c r="H1652"/>
      <c r="I1652"/>
      <c r="J1652"/>
    </row>
    <row r="1653" spans="1:10" x14ac:dyDescent="0.25">
      <c r="A1653" s="7"/>
      <c r="B1653"/>
      <c r="C1653" s="23" t="s">
        <v>538</v>
      </c>
      <c r="D1653" s="23" t="s">
        <v>2241</v>
      </c>
      <c r="E1653" s="1" t="str">
        <f t="shared" ref="E1653" si="345" xml:space="preserve"> HYPERLINK(CONCATENATE("http://www.sap.com/community/tag.html?id=",$F1653))</f>
        <v>http://www.sap.com/community/tag.html?id=73555000100800000254</v>
      </c>
      <c r="F1653" s="23" t="s">
        <v>3836</v>
      </c>
      <c r="G1653"/>
      <c r="H1653"/>
      <c r="I1653"/>
      <c r="J1653"/>
    </row>
    <row r="1654" spans="1:10" x14ac:dyDescent="0.25">
      <c r="A1654" s="7"/>
      <c r="B1654" t="s">
        <v>947</v>
      </c>
      <c r="C1654" s="23"/>
      <c r="D1654" s="7" t="s">
        <v>5032</v>
      </c>
      <c r="E1654" s="1"/>
      <c r="F1654" s="23" t="s">
        <v>3837</v>
      </c>
      <c r="G1654"/>
      <c r="H1654"/>
      <c r="I1654"/>
      <c r="J1654"/>
    </row>
    <row r="1655" spans="1:10" x14ac:dyDescent="0.25">
      <c r="A1655" s="7"/>
      <c r="B1655"/>
      <c r="C1655" s="23" t="s">
        <v>947</v>
      </c>
      <c r="D1655" s="23" t="s">
        <v>2241</v>
      </c>
      <c r="E1655" s="1" t="str">
        <f t="shared" ref="E1655:E1658" si="346" xml:space="preserve"> HYPERLINK(CONCATENATE("http://www.sap.com/community/tag.html?id=",$F1655))</f>
        <v>http://www.sap.com/community/tag.html?id=01200615320800003663</v>
      </c>
      <c r="F1655" s="23" t="s">
        <v>3838</v>
      </c>
      <c r="G1655"/>
      <c r="H1655"/>
      <c r="I1655"/>
      <c r="J1655"/>
    </row>
    <row r="1656" spans="1:10" x14ac:dyDescent="0.25">
      <c r="A1656" s="7"/>
      <c r="B1656"/>
      <c r="C1656" s="23" t="s">
        <v>1027</v>
      </c>
      <c r="D1656" s="23" t="s">
        <v>2241</v>
      </c>
      <c r="E1656" s="1" t="str">
        <f t="shared" si="346"/>
        <v>http://www.sap.com/community/tag.html?id=67837800100800004902</v>
      </c>
      <c r="F1656" s="23" t="s">
        <v>3839</v>
      </c>
      <c r="G1656"/>
      <c r="H1656"/>
      <c r="I1656"/>
      <c r="J1656"/>
    </row>
    <row r="1657" spans="1:10" x14ac:dyDescent="0.25">
      <c r="A1657" s="7"/>
      <c r="B1657"/>
      <c r="C1657" s="23" t="s">
        <v>2048</v>
      </c>
      <c r="D1657" s="23" t="s">
        <v>2241</v>
      </c>
      <c r="E1657" s="1" t="str">
        <f t="shared" si="346"/>
        <v>http://www.sap.com/community/tag.html?id=01200615320800004032</v>
      </c>
      <c r="F1657" s="23" t="s">
        <v>3840</v>
      </c>
      <c r="G1657"/>
      <c r="H1657"/>
      <c r="I1657"/>
      <c r="J1657"/>
    </row>
    <row r="1658" spans="1:10" x14ac:dyDescent="0.25">
      <c r="A1658" s="7"/>
      <c r="B1658"/>
      <c r="C1658" s="23" t="s">
        <v>1854</v>
      </c>
      <c r="D1658" s="23" t="s">
        <v>2241</v>
      </c>
      <c r="E1658" s="1" t="str">
        <f t="shared" si="346"/>
        <v>http://www.sap.com/community/tag.html?id=01200615320800004031</v>
      </c>
      <c r="F1658" s="23" t="s">
        <v>3841</v>
      </c>
      <c r="G1658"/>
      <c r="H1658"/>
      <c r="I1658"/>
      <c r="J1658"/>
    </row>
    <row r="1659" spans="1:10" x14ac:dyDescent="0.25">
      <c r="A1659" s="7"/>
      <c r="B1659" t="s">
        <v>2202</v>
      </c>
      <c r="C1659" s="23"/>
      <c r="D1659" s="7" t="s">
        <v>5032</v>
      </c>
      <c r="E1659" s="1"/>
      <c r="F1659" s="23" t="s">
        <v>3842</v>
      </c>
      <c r="G1659"/>
      <c r="H1659"/>
      <c r="I1659"/>
      <c r="J1659"/>
    </row>
    <row r="1660" spans="1:10" x14ac:dyDescent="0.25">
      <c r="A1660" s="7"/>
      <c r="B1660"/>
      <c r="C1660" s="23" t="s">
        <v>2202</v>
      </c>
      <c r="D1660" s="23" t="s">
        <v>2241</v>
      </c>
      <c r="E1660" s="1" t="str">
        <f t="shared" ref="E1660" si="347" xml:space="preserve"> HYPERLINK(CONCATENATE("http://www.sap.com/community/tag.html?id=",$F1660))</f>
        <v>http://www.sap.com/community/tag.html?id=01200314690800000200</v>
      </c>
      <c r="F1660" s="23" t="s">
        <v>3843</v>
      </c>
      <c r="G1660"/>
      <c r="H1660"/>
      <c r="I1660"/>
      <c r="J1660"/>
    </row>
    <row r="1661" spans="1:10" x14ac:dyDescent="0.25">
      <c r="A1661" s="7"/>
      <c r="B1661" t="s">
        <v>1865</v>
      </c>
      <c r="C1661" s="23"/>
      <c r="D1661" s="7" t="s">
        <v>5032</v>
      </c>
      <c r="E1661" s="1"/>
      <c r="F1661" s="23" t="s">
        <v>3844</v>
      </c>
      <c r="G1661"/>
      <c r="H1661"/>
      <c r="I1661"/>
      <c r="J1661"/>
    </row>
    <row r="1662" spans="1:10" x14ac:dyDescent="0.25">
      <c r="A1662" s="7"/>
      <c r="B1662"/>
      <c r="C1662" s="23" t="s">
        <v>1865</v>
      </c>
      <c r="D1662" s="23" t="s">
        <v>2241</v>
      </c>
      <c r="E1662" s="1" t="str">
        <f t="shared" ref="E1662:E1664" si="348" xml:space="preserve"> HYPERLINK(CONCATENATE("http://www.sap.com/community/tag.html?id=",$F1662))</f>
        <v>http://www.sap.com/community/tag.html?id=01200615320800003643</v>
      </c>
      <c r="F1662" s="23" t="s">
        <v>3845</v>
      </c>
      <c r="G1662"/>
      <c r="H1662"/>
      <c r="I1662"/>
      <c r="J1662"/>
    </row>
    <row r="1663" spans="1:10" x14ac:dyDescent="0.25">
      <c r="A1663" s="7"/>
      <c r="B1663"/>
      <c r="C1663" s="23" t="s">
        <v>362</v>
      </c>
      <c r="D1663" s="23" t="s">
        <v>2241</v>
      </c>
      <c r="E1663" s="1" t="str">
        <f t="shared" si="348"/>
        <v>http://www.sap.com/community/tag.html?id=01200615320800003835</v>
      </c>
      <c r="F1663" s="23" t="s">
        <v>3846</v>
      </c>
      <c r="G1663"/>
      <c r="H1663"/>
      <c r="I1663"/>
      <c r="J1663"/>
    </row>
    <row r="1664" spans="1:10" x14ac:dyDescent="0.25">
      <c r="A1664" s="7"/>
      <c r="B1664"/>
      <c r="C1664" s="23" t="s">
        <v>525</v>
      </c>
      <c r="D1664" s="23" t="s">
        <v>2241</v>
      </c>
      <c r="E1664" s="1" t="str">
        <f t="shared" si="348"/>
        <v>http://www.sap.com/community/tag.html?id=67838200100800005482</v>
      </c>
      <c r="F1664" s="23" t="s">
        <v>3847</v>
      </c>
      <c r="G1664"/>
      <c r="H1664"/>
      <c r="I1664"/>
      <c r="J1664"/>
    </row>
    <row r="1665" spans="1:10" x14ac:dyDescent="0.25">
      <c r="A1665" s="7"/>
      <c r="B1665" t="s">
        <v>1100</v>
      </c>
      <c r="C1665" s="23"/>
      <c r="D1665" s="7" t="s">
        <v>5032</v>
      </c>
      <c r="E1665" s="1"/>
      <c r="F1665" s="23" t="s">
        <v>3848</v>
      </c>
      <c r="G1665"/>
      <c r="H1665"/>
      <c r="I1665"/>
      <c r="J1665"/>
    </row>
    <row r="1666" spans="1:10" x14ac:dyDescent="0.25">
      <c r="A1666" s="7"/>
      <c r="B1666"/>
      <c r="C1666" s="23" t="s">
        <v>1875</v>
      </c>
      <c r="D1666" s="23" t="s">
        <v>2241</v>
      </c>
      <c r="E1666" s="1" t="str">
        <f t="shared" ref="E1666:E1697" si="349" xml:space="preserve"> HYPERLINK(CONCATENATE("http://www.sap.com/community/tag.html?id=",$F1666))</f>
        <v>http://www.sap.com/community/tag.html?id=01200615320800001241</v>
      </c>
      <c r="F1666" s="23" t="s">
        <v>3849</v>
      </c>
      <c r="G1666"/>
      <c r="H1666"/>
      <c r="I1666"/>
      <c r="J1666"/>
    </row>
    <row r="1667" spans="1:10" x14ac:dyDescent="0.25">
      <c r="A1667" s="7"/>
      <c r="B1667"/>
      <c r="C1667" s="23" t="s">
        <v>480</v>
      </c>
      <c r="D1667" s="23" t="s">
        <v>2241</v>
      </c>
      <c r="E1667" s="1" t="str">
        <f t="shared" si="349"/>
        <v>http://www.sap.com/community/tag.html?id=01200615320800001244</v>
      </c>
      <c r="F1667" s="23" t="s">
        <v>3850</v>
      </c>
      <c r="G1667"/>
      <c r="H1667"/>
      <c r="I1667"/>
      <c r="J1667"/>
    </row>
    <row r="1668" spans="1:10" x14ac:dyDescent="0.25">
      <c r="A1668" s="7"/>
      <c r="B1668"/>
      <c r="C1668" s="23" t="s">
        <v>1195</v>
      </c>
      <c r="D1668" s="23" t="s">
        <v>2241</v>
      </c>
      <c r="E1668" s="1" t="str">
        <f t="shared" si="349"/>
        <v>http://www.sap.com/community/tag.html?id=01200615320800001245</v>
      </c>
      <c r="F1668" s="23" t="s">
        <v>3851</v>
      </c>
      <c r="G1668"/>
      <c r="H1668"/>
      <c r="I1668"/>
      <c r="J1668"/>
    </row>
    <row r="1669" spans="1:10" x14ac:dyDescent="0.25">
      <c r="A1669" s="7"/>
      <c r="B1669"/>
      <c r="C1669" s="23" t="s">
        <v>1918</v>
      </c>
      <c r="D1669" s="23" t="s">
        <v>2241</v>
      </c>
      <c r="E1669" s="1" t="str">
        <f t="shared" si="349"/>
        <v>http://www.sap.com/community/tag.html?id=01200615320800001248</v>
      </c>
      <c r="F1669" s="23" t="s">
        <v>3852</v>
      </c>
      <c r="G1669"/>
      <c r="H1669"/>
      <c r="I1669"/>
      <c r="J1669"/>
    </row>
    <row r="1670" spans="1:10" x14ac:dyDescent="0.25">
      <c r="A1670" s="7"/>
      <c r="B1670"/>
      <c r="C1670" s="23" t="s">
        <v>825</v>
      </c>
      <c r="D1670" s="23" t="s">
        <v>2241</v>
      </c>
      <c r="E1670" s="1" t="str">
        <f t="shared" si="349"/>
        <v>http://www.sap.com/community/tag.html?id=01200615320800001251</v>
      </c>
      <c r="F1670" s="23" t="s">
        <v>3853</v>
      </c>
      <c r="G1670"/>
      <c r="H1670"/>
      <c r="I1670"/>
      <c r="J1670"/>
    </row>
    <row r="1671" spans="1:10" x14ac:dyDescent="0.25">
      <c r="A1671" s="7"/>
      <c r="B1671"/>
      <c r="C1671" s="23" t="s">
        <v>139</v>
      </c>
      <c r="D1671" s="23" t="s">
        <v>2241</v>
      </c>
      <c r="E1671" s="1" t="str">
        <f t="shared" si="349"/>
        <v>http://www.sap.com/community/tag.html?id=01200615320800001246</v>
      </c>
      <c r="F1671" s="23" t="s">
        <v>3854</v>
      </c>
      <c r="G1671"/>
      <c r="H1671"/>
      <c r="I1671"/>
      <c r="J1671"/>
    </row>
    <row r="1672" spans="1:10" x14ac:dyDescent="0.25">
      <c r="A1672" s="7"/>
      <c r="B1672"/>
      <c r="C1672" s="23" t="s">
        <v>1851</v>
      </c>
      <c r="D1672" s="23" t="s">
        <v>2241</v>
      </c>
      <c r="E1672" s="1" t="str">
        <f t="shared" si="349"/>
        <v>http://www.sap.com/community/tag.html?id=01200615320800001688</v>
      </c>
      <c r="F1672" s="23" t="s">
        <v>3855</v>
      </c>
      <c r="G1672"/>
      <c r="H1672"/>
      <c r="I1672"/>
      <c r="J1672"/>
    </row>
    <row r="1673" spans="1:10" x14ac:dyDescent="0.25">
      <c r="A1673" s="7"/>
      <c r="B1673"/>
      <c r="C1673" s="23" t="s">
        <v>1745</v>
      </c>
      <c r="D1673" s="23" t="s">
        <v>2241</v>
      </c>
      <c r="E1673" s="1" t="str">
        <f t="shared" si="349"/>
        <v>http://www.sap.com/community/tag.html?id=01200615320800001213</v>
      </c>
      <c r="F1673" s="23" t="s">
        <v>3856</v>
      </c>
      <c r="G1673"/>
      <c r="H1673"/>
      <c r="I1673"/>
      <c r="J1673"/>
    </row>
    <row r="1674" spans="1:10" x14ac:dyDescent="0.25">
      <c r="A1674" s="7"/>
      <c r="B1674"/>
      <c r="C1674" s="23" t="s">
        <v>713</v>
      </c>
      <c r="D1674" s="23" t="s">
        <v>2241</v>
      </c>
      <c r="E1674" s="1" t="str">
        <f t="shared" si="349"/>
        <v>http://www.sap.com/community/tag.html?id=01200615320800001215</v>
      </c>
      <c r="F1674" s="23" t="s">
        <v>3857</v>
      </c>
      <c r="G1674"/>
      <c r="H1674"/>
      <c r="I1674"/>
      <c r="J1674"/>
    </row>
    <row r="1675" spans="1:10" x14ac:dyDescent="0.25">
      <c r="A1675" s="7"/>
      <c r="B1675"/>
      <c r="C1675" s="23" t="s">
        <v>551</v>
      </c>
      <c r="D1675" s="23" t="s">
        <v>2241</v>
      </c>
      <c r="E1675" s="1" t="str">
        <f t="shared" si="349"/>
        <v>http://www.sap.com/community/tag.html?id=01200615320800001243</v>
      </c>
      <c r="F1675" s="23" t="s">
        <v>3858</v>
      </c>
      <c r="G1675"/>
      <c r="H1675"/>
      <c r="I1675"/>
      <c r="J1675"/>
    </row>
    <row r="1676" spans="1:10" x14ac:dyDescent="0.25">
      <c r="A1676" s="7"/>
      <c r="B1676"/>
      <c r="C1676" s="23" t="s">
        <v>102</v>
      </c>
      <c r="D1676" s="23" t="s">
        <v>2241</v>
      </c>
      <c r="E1676" s="1" t="str">
        <f t="shared" si="349"/>
        <v>http://www.sap.com/community/tag.html?id=01200314690800000366</v>
      </c>
      <c r="F1676" s="23" t="s">
        <v>3859</v>
      </c>
      <c r="G1676"/>
      <c r="H1676"/>
      <c r="I1676"/>
      <c r="J1676"/>
    </row>
    <row r="1677" spans="1:10" x14ac:dyDescent="0.25">
      <c r="A1677" s="7"/>
      <c r="B1677"/>
      <c r="C1677" s="23" t="s">
        <v>1354</v>
      </c>
      <c r="D1677" s="23" t="s">
        <v>2241</v>
      </c>
      <c r="E1677" s="1" t="str">
        <f t="shared" si="349"/>
        <v>http://www.sap.com/community/tag.html?id=01200615320800003583</v>
      </c>
      <c r="F1677" s="23" t="s">
        <v>3860</v>
      </c>
      <c r="G1677"/>
      <c r="H1677"/>
      <c r="I1677"/>
      <c r="J1677"/>
    </row>
    <row r="1678" spans="1:10" x14ac:dyDescent="0.25">
      <c r="A1678" s="7"/>
      <c r="B1678"/>
      <c r="C1678" s="23" t="s">
        <v>247</v>
      </c>
      <c r="D1678" s="23" t="s">
        <v>2241</v>
      </c>
      <c r="E1678" s="1" t="str">
        <f t="shared" si="349"/>
        <v>http://www.sap.com/community/tag.html?id=67837800100800005004</v>
      </c>
      <c r="F1678" s="23" t="s">
        <v>3861</v>
      </c>
      <c r="G1678"/>
      <c r="H1678"/>
      <c r="I1678"/>
      <c r="J1678"/>
    </row>
    <row r="1679" spans="1:10" x14ac:dyDescent="0.25">
      <c r="A1679" s="7"/>
      <c r="B1679"/>
      <c r="C1679" s="23" t="s">
        <v>328</v>
      </c>
      <c r="D1679" s="23" t="s">
        <v>2241</v>
      </c>
      <c r="E1679" s="1" t="str">
        <f t="shared" si="349"/>
        <v>http://www.sap.com/community/tag.html?id=01200615320800003581</v>
      </c>
      <c r="F1679" s="23" t="s">
        <v>3862</v>
      </c>
      <c r="G1679"/>
      <c r="H1679"/>
      <c r="I1679"/>
      <c r="J1679"/>
    </row>
    <row r="1680" spans="1:10" x14ac:dyDescent="0.25">
      <c r="A1680" s="7"/>
      <c r="B1680"/>
      <c r="C1680" s="23" t="s">
        <v>1895</v>
      </c>
      <c r="D1680" s="23" t="s">
        <v>2241</v>
      </c>
      <c r="E1680" s="1" t="str">
        <f t="shared" si="349"/>
        <v>http://www.sap.com/community/tag.html?id=01200615320800003582</v>
      </c>
      <c r="F1680" s="23" t="s">
        <v>3863</v>
      </c>
      <c r="G1680"/>
      <c r="H1680"/>
      <c r="I1680"/>
      <c r="J1680"/>
    </row>
    <row r="1681" spans="1:10" x14ac:dyDescent="0.25">
      <c r="A1681" s="7"/>
      <c r="B1681"/>
      <c r="C1681" s="23" t="s">
        <v>582</v>
      </c>
      <c r="D1681" s="23" t="s">
        <v>2241</v>
      </c>
      <c r="E1681" s="1" t="str">
        <f t="shared" si="349"/>
        <v>http://www.sap.com/community/tag.html?id=01200615320800003580</v>
      </c>
      <c r="F1681" s="23" t="s">
        <v>3864</v>
      </c>
      <c r="G1681"/>
      <c r="H1681"/>
      <c r="I1681"/>
      <c r="J1681"/>
    </row>
    <row r="1682" spans="1:10" x14ac:dyDescent="0.25">
      <c r="A1682" s="7"/>
      <c r="B1682" s="23"/>
      <c r="C1682" t="s">
        <v>1126</v>
      </c>
      <c r="D1682" s="23" t="s">
        <v>2241</v>
      </c>
      <c r="E1682" s="1" t="str">
        <f t="shared" si="349"/>
        <v>http://www.sap.com/community/tag.html?id=01200314690800001500</v>
      </c>
      <c r="F1682" s="23" t="s">
        <v>3865</v>
      </c>
      <c r="G1682"/>
      <c r="H1682"/>
      <c r="I1682"/>
      <c r="J1682"/>
    </row>
    <row r="1683" spans="1:10" x14ac:dyDescent="0.25">
      <c r="A1683" s="7"/>
      <c r="B1683"/>
      <c r="C1683" s="23" t="s">
        <v>1811</v>
      </c>
      <c r="D1683" s="23" t="s">
        <v>2241</v>
      </c>
      <c r="E1683" s="1" t="str">
        <f t="shared" si="349"/>
        <v>http://www.sap.com/community/tag.html?id=01200615320800002701</v>
      </c>
      <c r="F1683" s="23" t="s">
        <v>3866</v>
      </c>
      <c r="G1683"/>
      <c r="H1683"/>
      <c r="I1683"/>
      <c r="J1683"/>
    </row>
    <row r="1684" spans="1:10" x14ac:dyDescent="0.25">
      <c r="A1684" s="7"/>
      <c r="B1684"/>
      <c r="C1684" s="23" t="s">
        <v>149</v>
      </c>
      <c r="D1684" s="23" t="s">
        <v>2241</v>
      </c>
      <c r="E1684" s="1" t="str">
        <f t="shared" si="349"/>
        <v>http://www.sap.com/community/tag.html?id=01200314690800001844</v>
      </c>
      <c r="F1684" s="23" t="s">
        <v>3867</v>
      </c>
      <c r="G1684"/>
      <c r="H1684"/>
      <c r="I1684"/>
      <c r="J1684"/>
    </row>
    <row r="1685" spans="1:10" x14ac:dyDescent="0.25">
      <c r="A1685" s="7"/>
      <c r="B1685"/>
      <c r="C1685" s="23" t="s">
        <v>2093</v>
      </c>
      <c r="D1685" s="23" t="s">
        <v>2241</v>
      </c>
      <c r="E1685" s="1" t="str">
        <f t="shared" si="349"/>
        <v>http://www.sap.com/community/tag.html?id=01200314690800002013</v>
      </c>
      <c r="F1685" s="23" t="s">
        <v>3868</v>
      </c>
      <c r="G1685"/>
      <c r="H1685"/>
      <c r="I1685"/>
      <c r="J1685"/>
    </row>
    <row r="1686" spans="1:10" x14ac:dyDescent="0.25">
      <c r="A1686" s="7"/>
      <c r="B1686"/>
      <c r="C1686" s="23" t="s">
        <v>1906</v>
      </c>
      <c r="D1686" s="23" t="s">
        <v>2241</v>
      </c>
      <c r="E1686" s="1" t="str">
        <f t="shared" si="349"/>
        <v>http://www.sap.com/community/tag.html?id=01200615320800001249</v>
      </c>
      <c r="F1686" s="23" t="s">
        <v>3869</v>
      </c>
      <c r="G1686"/>
      <c r="H1686"/>
      <c r="I1686"/>
      <c r="J1686"/>
    </row>
    <row r="1687" spans="1:10" x14ac:dyDescent="0.25">
      <c r="A1687" s="7"/>
      <c r="B1687"/>
      <c r="C1687" s="23" t="s">
        <v>983</v>
      </c>
      <c r="D1687" s="23" t="s">
        <v>2241</v>
      </c>
      <c r="E1687" s="1" t="str">
        <f t="shared" si="349"/>
        <v>http://www.sap.com/community/tag.html?id=01200615320800002982</v>
      </c>
      <c r="F1687" s="23" t="s">
        <v>3870</v>
      </c>
      <c r="G1687"/>
      <c r="H1687"/>
      <c r="I1687"/>
      <c r="J1687"/>
    </row>
    <row r="1688" spans="1:10" x14ac:dyDescent="0.25">
      <c r="A1688" s="7"/>
      <c r="B1688" s="23"/>
      <c r="C1688" t="s">
        <v>354</v>
      </c>
      <c r="D1688" s="23" t="s">
        <v>2241</v>
      </c>
      <c r="E1688" s="1" t="str">
        <f t="shared" si="349"/>
        <v>http://www.sap.com/community/tag.html?id=01200615320800002981</v>
      </c>
      <c r="F1688" s="23" t="s">
        <v>3871</v>
      </c>
      <c r="G1688"/>
      <c r="H1688"/>
      <c r="I1688"/>
      <c r="J1688"/>
    </row>
    <row r="1689" spans="1:10" x14ac:dyDescent="0.25">
      <c r="A1689" s="7"/>
      <c r="B1689"/>
      <c r="C1689" s="23" t="s">
        <v>514</v>
      </c>
      <c r="D1689" s="23" t="s">
        <v>2241</v>
      </c>
      <c r="E1689" s="1" t="str">
        <f t="shared" si="349"/>
        <v>http://www.sap.com/community/tag.html?id=01200615320800002983</v>
      </c>
      <c r="F1689" s="23" t="s">
        <v>3872</v>
      </c>
      <c r="G1689"/>
      <c r="H1689"/>
      <c r="I1689"/>
      <c r="J1689"/>
    </row>
    <row r="1690" spans="1:10" x14ac:dyDescent="0.25">
      <c r="A1690" s="7"/>
      <c r="B1690"/>
      <c r="C1690" s="23" t="s">
        <v>767</v>
      </c>
      <c r="D1690" s="23" t="s">
        <v>2241</v>
      </c>
      <c r="E1690" s="1" t="str">
        <f t="shared" si="349"/>
        <v>http://www.sap.com/community/tag.html?id=01200615320800001240</v>
      </c>
      <c r="F1690" s="23" t="s">
        <v>3873</v>
      </c>
      <c r="G1690"/>
      <c r="H1690"/>
      <c r="I1690"/>
      <c r="J1690"/>
    </row>
    <row r="1691" spans="1:10" x14ac:dyDescent="0.25">
      <c r="A1691" s="7"/>
      <c r="B1691" s="23"/>
      <c r="C1691" t="s">
        <v>252</v>
      </c>
      <c r="D1691" s="23" t="s">
        <v>2241</v>
      </c>
      <c r="E1691" s="1" t="str">
        <f t="shared" si="349"/>
        <v>http://www.sap.com/community/tag.html?id=01200314690800001760</v>
      </c>
      <c r="F1691" s="23" t="s">
        <v>3874</v>
      </c>
      <c r="G1691"/>
      <c r="H1691"/>
      <c r="I1691"/>
      <c r="J1691"/>
    </row>
    <row r="1692" spans="1:10" x14ac:dyDescent="0.25">
      <c r="A1692" s="7"/>
      <c r="B1692"/>
      <c r="C1692" s="23" t="s">
        <v>2057</v>
      </c>
      <c r="D1692" s="23" t="s">
        <v>2241</v>
      </c>
      <c r="E1692" s="1" t="str">
        <f t="shared" si="349"/>
        <v>http://www.sap.com/community/tag.html?id=01200314690800001562</v>
      </c>
      <c r="F1692" s="23" t="s">
        <v>3875</v>
      </c>
      <c r="G1692"/>
      <c r="H1692"/>
      <c r="I1692"/>
      <c r="J1692"/>
    </row>
    <row r="1693" spans="1:10" x14ac:dyDescent="0.25">
      <c r="A1693" s="7"/>
      <c r="B1693"/>
      <c r="C1693" s="23" t="s">
        <v>295</v>
      </c>
      <c r="D1693" s="23" t="s">
        <v>2241</v>
      </c>
      <c r="E1693" s="1" t="str">
        <f t="shared" si="349"/>
        <v>http://www.sap.com/community/tag.html?id=01200314690800001563</v>
      </c>
      <c r="F1693" s="23" t="s">
        <v>3876</v>
      </c>
      <c r="G1693"/>
      <c r="H1693"/>
      <c r="I1693"/>
      <c r="J1693"/>
    </row>
    <row r="1694" spans="1:10" x14ac:dyDescent="0.25">
      <c r="A1694" s="7"/>
      <c r="B1694"/>
      <c r="C1694" s="23" t="s">
        <v>1326</v>
      </c>
      <c r="D1694" s="23" t="s">
        <v>2241</v>
      </c>
      <c r="E1694" s="1" t="str">
        <f t="shared" si="349"/>
        <v>http://www.sap.com/community/tag.html?id=01200314690800001761</v>
      </c>
      <c r="F1694" s="23" t="s">
        <v>3877</v>
      </c>
      <c r="G1694"/>
      <c r="H1694"/>
      <c r="I1694"/>
      <c r="J1694"/>
    </row>
    <row r="1695" spans="1:10" x14ac:dyDescent="0.25">
      <c r="A1695" s="7"/>
      <c r="B1695"/>
      <c r="C1695" s="23" t="s">
        <v>612</v>
      </c>
      <c r="D1695" s="23" t="s">
        <v>2241</v>
      </c>
      <c r="E1695" s="1" t="str">
        <f t="shared" si="349"/>
        <v>http://www.sap.com/community/tag.html?id=01200314690800001762</v>
      </c>
      <c r="F1695" s="23" t="s">
        <v>3878</v>
      </c>
      <c r="G1695"/>
      <c r="H1695"/>
      <c r="I1695"/>
      <c r="J1695"/>
    </row>
    <row r="1696" spans="1:10" x14ac:dyDescent="0.25">
      <c r="A1696" s="7"/>
      <c r="B1696" s="23"/>
      <c r="C1696" t="s">
        <v>235</v>
      </c>
      <c r="D1696" s="23" t="s">
        <v>2241</v>
      </c>
      <c r="E1696" s="1" t="str">
        <f t="shared" si="349"/>
        <v>http://www.sap.com/community/tag.html?id=01200314690800001561</v>
      </c>
      <c r="F1696" s="23" t="s">
        <v>3879</v>
      </c>
      <c r="G1696"/>
      <c r="H1696"/>
      <c r="I1696"/>
      <c r="J1696"/>
    </row>
    <row r="1697" spans="1:10" x14ac:dyDescent="0.25">
      <c r="A1697" s="7"/>
      <c r="B1697"/>
      <c r="C1697" s="23" t="s">
        <v>516</v>
      </c>
      <c r="D1697" s="23" t="s">
        <v>2241</v>
      </c>
      <c r="E1697" s="1" t="str">
        <f t="shared" si="349"/>
        <v>http://www.sap.com/community/tag.html?id=01200314690800002014</v>
      </c>
      <c r="F1697" s="23" t="s">
        <v>3880</v>
      </c>
      <c r="G1697"/>
      <c r="H1697"/>
      <c r="I1697"/>
      <c r="J1697"/>
    </row>
    <row r="1698" spans="1:10" x14ac:dyDescent="0.25">
      <c r="A1698" s="7"/>
      <c r="B1698" s="23" t="s">
        <v>412</v>
      </c>
      <c r="C1698"/>
      <c r="D1698" s="7" t="s">
        <v>5032</v>
      </c>
      <c r="E1698" s="1"/>
      <c r="F1698" s="23" t="s">
        <v>3881</v>
      </c>
      <c r="G1698"/>
      <c r="H1698"/>
      <c r="I1698"/>
      <c r="J1698"/>
    </row>
    <row r="1699" spans="1:10" x14ac:dyDescent="0.25">
      <c r="A1699" s="7"/>
      <c r="B1699"/>
      <c r="C1699" s="23" t="s">
        <v>412</v>
      </c>
      <c r="D1699" s="23" t="s">
        <v>2241</v>
      </c>
      <c r="E1699" s="1" t="str">
        <f t="shared" ref="E1699:E1703" si="350" xml:space="preserve"> HYPERLINK(CONCATENATE("http://www.sap.com/community/tag.html?id=",$F1699))</f>
        <v>http://www.sap.com/community/tag.html?id=67837800100800004489</v>
      </c>
      <c r="F1699" s="23" t="s">
        <v>3882</v>
      </c>
      <c r="G1699"/>
      <c r="H1699"/>
      <c r="I1699"/>
      <c r="J1699"/>
    </row>
    <row r="1700" spans="1:10" x14ac:dyDescent="0.25">
      <c r="A1700" s="7"/>
      <c r="B1700"/>
      <c r="C1700" s="23" t="s">
        <v>1255</v>
      </c>
      <c r="D1700" s="23" t="s">
        <v>2241</v>
      </c>
      <c r="E1700" s="1" t="str">
        <f t="shared" si="350"/>
        <v>http://www.sap.com/community/tag.html?id=67837800100800004880</v>
      </c>
      <c r="F1700" s="23" t="s">
        <v>3883</v>
      </c>
      <c r="G1700"/>
      <c r="H1700"/>
      <c r="I1700"/>
      <c r="J1700"/>
    </row>
    <row r="1701" spans="1:10" x14ac:dyDescent="0.25">
      <c r="A1701" s="7"/>
      <c r="B1701"/>
      <c r="C1701" s="23" t="s">
        <v>557</v>
      </c>
      <c r="D1701" s="23" t="s">
        <v>2241</v>
      </c>
      <c r="E1701" s="1" t="str">
        <f t="shared" si="350"/>
        <v>http://www.sap.com/community/tag.html?id=67838200100800005483</v>
      </c>
      <c r="F1701" s="23" t="s">
        <v>3884</v>
      </c>
      <c r="G1701"/>
      <c r="H1701"/>
      <c r="I1701"/>
      <c r="J1701"/>
    </row>
    <row r="1702" spans="1:10" x14ac:dyDescent="0.25">
      <c r="A1702" s="7"/>
      <c r="B1702" s="23"/>
      <c r="C1702" t="s">
        <v>1236</v>
      </c>
      <c r="D1702" s="23" t="s">
        <v>2241</v>
      </c>
      <c r="E1702" s="1" t="str">
        <f t="shared" si="350"/>
        <v>http://www.sap.com/community/tag.html?id=67838200100800005533</v>
      </c>
      <c r="F1702" s="23" t="s">
        <v>3885</v>
      </c>
      <c r="G1702"/>
      <c r="H1702"/>
      <c r="I1702"/>
      <c r="J1702"/>
    </row>
    <row r="1703" spans="1:10" x14ac:dyDescent="0.25">
      <c r="A1703" s="7"/>
      <c r="B1703"/>
      <c r="C1703" s="23" t="s">
        <v>1741</v>
      </c>
      <c r="D1703" s="23" t="s">
        <v>2241</v>
      </c>
      <c r="E1703" s="1" t="str">
        <f t="shared" si="350"/>
        <v>http://www.sap.com/community/tag.html?id=67838200100800005534</v>
      </c>
      <c r="F1703" s="23" t="s">
        <v>3886</v>
      </c>
      <c r="G1703"/>
      <c r="H1703"/>
      <c r="I1703"/>
      <c r="J1703"/>
    </row>
    <row r="1704" spans="1:10" x14ac:dyDescent="0.25">
      <c r="A1704" s="7"/>
      <c r="B1704" s="23" t="s">
        <v>1940</v>
      </c>
      <c r="C1704"/>
      <c r="D1704" s="7" t="s">
        <v>5032</v>
      </c>
      <c r="E1704" s="1"/>
      <c r="F1704" s="23" t="s">
        <v>3887</v>
      </c>
      <c r="G1704"/>
      <c r="H1704"/>
      <c r="I1704"/>
      <c r="J1704"/>
    </row>
    <row r="1705" spans="1:10" x14ac:dyDescent="0.25">
      <c r="A1705" s="7"/>
      <c r="B1705"/>
      <c r="C1705" s="23" t="s">
        <v>1940</v>
      </c>
      <c r="D1705" s="23" t="s">
        <v>2241</v>
      </c>
      <c r="E1705" s="1" t="str">
        <f t="shared" ref="E1705:E1706" si="351" xml:space="preserve"> HYPERLINK(CONCATENATE("http://www.sap.com/community/tag.html?id=",$F1705))</f>
        <v>http://www.sap.com/community/tag.html?id=01200615320800000555</v>
      </c>
      <c r="F1705" s="23" t="s">
        <v>3888</v>
      </c>
      <c r="G1705"/>
      <c r="H1705"/>
      <c r="I1705"/>
      <c r="J1705"/>
    </row>
    <row r="1706" spans="1:10" x14ac:dyDescent="0.25">
      <c r="A1706" s="7"/>
      <c r="B1706" s="23"/>
      <c r="C1706" t="s">
        <v>1189</v>
      </c>
      <c r="D1706" s="23" t="s">
        <v>2241</v>
      </c>
      <c r="E1706" s="1" t="str">
        <f t="shared" si="351"/>
        <v>http://www.sap.com/community/tag.html?id=01200615320800003419</v>
      </c>
      <c r="F1706" s="23" t="s">
        <v>3889</v>
      </c>
      <c r="G1706"/>
      <c r="H1706"/>
      <c r="I1706"/>
      <c r="J1706"/>
    </row>
    <row r="1707" spans="1:10" x14ac:dyDescent="0.25">
      <c r="A1707" s="7"/>
      <c r="B1707" t="s">
        <v>1956</v>
      </c>
      <c r="C1707" s="23"/>
      <c r="D1707" s="7" t="s">
        <v>5032</v>
      </c>
      <c r="E1707" s="1"/>
      <c r="F1707" s="23" t="s">
        <v>3890</v>
      </c>
      <c r="G1707"/>
      <c r="H1707"/>
      <c r="I1707"/>
      <c r="J1707"/>
    </row>
    <row r="1708" spans="1:10" x14ac:dyDescent="0.25">
      <c r="A1708" s="7"/>
      <c r="B1708" s="23"/>
      <c r="C1708" t="s">
        <v>1956</v>
      </c>
      <c r="D1708" s="23" t="s">
        <v>2241</v>
      </c>
      <c r="E1708" s="1" t="str">
        <f t="shared" ref="E1708:E1711" si="352" xml:space="preserve"> HYPERLINK(CONCATENATE("http://www.sap.com/community/tag.html?id=",$F1708))</f>
        <v>http://www.sap.com/community/tag.html?id=01200615320800003598</v>
      </c>
      <c r="F1708" s="23" t="s">
        <v>3891</v>
      </c>
      <c r="G1708"/>
      <c r="H1708"/>
      <c r="I1708"/>
      <c r="J1708"/>
    </row>
    <row r="1709" spans="1:10" x14ac:dyDescent="0.25">
      <c r="A1709" s="7"/>
      <c r="B1709"/>
      <c r="C1709" s="23" t="s">
        <v>1620</v>
      </c>
      <c r="D1709" s="23" t="s">
        <v>2241</v>
      </c>
      <c r="E1709" s="1" t="str">
        <f t="shared" si="352"/>
        <v>http://www.sap.com/community/tag.html?id=67837800100800005526</v>
      </c>
      <c r="F1709" s="23" t="s">
        <v>3892</v>
      </c>
      <c r="G1709"/>
      <c r="H1709"/>
      <c r="I1709"/>
      <c r="J1709"/>
    </row>
    <row r="1710" spans="1:10" x14ac:dyDescent="0.25">
      <c r="A1710" s="7"/>
      <c r="B1710" s="23"/>
      <c r="C1710" t="s">
        <v>349</v>
      </c>
      <c r="D1710" s="23" t="s">
        <v>2241</v>
      </c>
      <c r="E1710" s="1" t="str">
        <f t="shared" si="352"/>
        <v>http://www.sap.com/community/tag.html?id=01200615320800004034</v>
      </c>
      <c r="F1710" s="23" t="s">
        <v>3893</v>
      </c>
      <c r="G1710"/>
      <c r="H1710"/>
      <c r="I1710"/>
      <c r="J1710"/>
    </row>
    <row r="1711" spans="1:10" x14ac:dyDescent="0.25">
      <c r="A1711" s="7"/>
      <c r="B1711"/>
      <c r="C1711" s="23" t="s">
        <v>1843</v>
      </c>
      <c r="D1711" s="23" t="s">
        <v>2241</v>
      </c>
      <c r="E1711" s="1" t="str">
        <f t="shared" si="352"/>
        <v>http://www.sap.com/community/tag.html?id=01200615320800004033</v>
      </c>
      <c r="F1711" s="23" t="s">
        <v>3894</v>
      </c>
      <c r="G1711"/>
      <c r="H1711"/>
      <c r="I1711"/>
      <c r="J1711"/>
    </row>
    <row r="1712" spans="1:10" x14ac:dyDescent="0.25">
      <c r="A1712" s="7"/>
      <c r="B1712" s="23" t="s">
        <v>859</v>
      </c>
      <c r="C1712"/>
      <c r="D1712" s="7" t="s">
        <v>5032</v>
      </c>
      <c r="E1712" s="1"/>
      <c r="F1712" s="23" t="s">
        <v>3895</v>
      </c>
      <c r="G1712"/>
      <c r="H1712"/>
      <c r="I1712"/>
      <c r="J1712"/>
    </row>
    <row r="1713" spans="1:10" x14ac:dyDescent="0.25">
      <c r="A1713" s="7"/>
      <c r="B1713"/>
      <c r="C1713" s="23" t="s">
        <v>859</v>
      </c>
      <c r="D1713" s="23" t="s">
        <v>2241</v>
      </c>
      <c r="E1713" s="1" t="str">
        <f t="shared" ref="E1713" si="353" xml:space="preserve"> HYPERLINK(CONCATENATE("http://www.sap.com/community/tag.html?id=",$F1713))</f>
        <v>http://www.sap.com/community/tag.html?id=67838200100800006735</v>
      </c>
      <c r="F1713" s="23" t="s">
        <v>3896</v>
      </c>
      <c r="G1713"/>
      <c r="H1713"/>
      <c r="I1713"/>
      <c r="J1713"/>
    </row>
    <row r="1714" spans="1:10" x14ac:dyDescent="0.25">
      <c r="A1714" s="7"/>
      <c r="B1714" s="23" t="s">
        <v>2073</v>
      </c>
      <c r="C1714"/>
      <c r="D1714" s="7" t="s">
        <v>5032</v>
      </c>
      <c r="E1714" s="1"/>
      <c r="F1714" s="23" t="s">
        <v>3897</v>
      </c>
      <c r="G1714"/>
      <c r="H1714"/>
      <c r="I1714"/>
      <c r="J1714"/>
    </row>
    <row r="1715" spans="1:10" x14ac:dyDescent="0.25">
      <c r="A1715" s="7"/>
      <c r="B1715"/>
      <c r="C1715" s="23" t="s">
        <v>2073</v>
      </c>
      <c r="D1715" s="23" t="s">
        <v>2241</v>
      </c>
      <c r="E1715" s="1" t="str">
        <f t="shared" ref="E1715:E1717" si="354" xml:space="preserve"> HYPERLINK(CONCATENATE("http://www.sap.com/community/tag.html?id=",$F1715))</f>
        <v>http://www.sap.com/community/tag.html?id=01200615320800003827</v>
      </c>
      <c r="F1715" s="23" t="s">
        <v>3898</v>
      </c>
      <c r="G1715"/>
      <c r="H1715"/>
      <c r="I1715"/>
      <c r="J1715"/>
    </row>
    <row r="1716" spans="1:10" x14ac:dyDescent="0.25">
      <c r="A1716" s="7"/>
      <c r="B1716" s="23"/>
      <c r="C1716" t="s">
        <v>1579</v>
      </c>
      <c r="D1716" s="23" t="s">
        <v>2241</v>
      </c>
      <c r="E1716" s="1" t="str">
        <f t="shared" si="354"/>
        <v>http://www.sap.com/community/tag.html?id=01200615320800003839</v>
      </c>
      <c r="F1716" s="23" t="s">
        <v>3899</v>
      </c>
      <c r="G1716"/>
      <c r="H1716"/>
      <c r="I1716"/>
      <c r="J1716"/>
    </row>
    <row r="1717" spans="1:10" x14ac:dyDescent="0.25">
      <c r="A1717" s="7"/>
      <c r="B1717"/>
      <c r="C1717" s="23" t="s">
        <v>324</v>
      </c>
      <c r="D1717" s="23" t="s">
        <v>2241</v>
      </c>
      <c r="E1717" s="1" t="str">
        <f t="shared" si="354"/>
        <v>http://www.sap.com/community/tag.html?id=67838200100800005484</v>
      </c>
      <c r="F1717" s="23" t="s">
        <v>3900</v>
      </c>
      <c r="G1717"/>
      <c r="H1717"/>
      <c r="I1717"/>
      <c r="J1717"/>
    </row>
    <row r="1718" spans="1:10" x14ac:dyDescent="0.25">
      <c r="A1718" s="7"/>
      <c r="B1718" t="s">
        <v>518</v>
      </c>
      <c r="C1718" s="23"/>
      <c r="D1718" s="7" t="s">
        <v>5032</v>
      </c>
      <c r="E1718" s="1"/>
      <c r="F1718" s="23" t="s">
        <v>3901</v>
      </c>
      <c r="G1718"/>
      <c r="H1718"/>
      <c r="I1718"/>
      <c r="J1718"/>
    </row>
    <row r="1719" spans="1:10" x14ac:dyDescent="0.25">
      <c r="A1719" s="7"/>
      <c r="B1719"/>
      <c r="C1719" s="23" t="s">
        <v>518</v>
      </c>
      <c r="D1719" s="23" t="s">
        <v>2241</v>
      </c>
      <c r="E1719" s="1" t="str">
        <f t="shared" ref="E1719" si="355" xml:space="preserve"> HYPERLINK(CONCATENATE("http://www.sap.com/community/tag.html?id=",$F1719))</f>
        <v>http://www.sap.com/community/tag.html?id=67838200100800006858</v>
      </c>
      <c r="F1719" s="23" t="s">
        <v>3902</v>
      </c>
      <c r="G1719"/>
      <c r="H1719"/>
      <c r="I1719"/>
      <c r="J1719"/>
    </row>
    <row r="1720" spans="1:10" x14ac:dyDescent="0.25">
      <c r="A1720" s="7"/>
      <c r="B1720" t="s">
        <v>104</v>
      </c>
      <c r="C1720" s="23"/>
      <c r="D1720" s="7" t="s">
        <v>5032</v>
      </c>
      <c r="E1720" s="1"/>
      <c r="F1720" s="23" t="s">
        <v>3903</v>
      </c>
      <c r="G1720"/>
      <c r="H1720"/>
      <c r="I1720"/>
      <c r="J1720"/>
    </row>
    <row r="1721" spans="1:10" x14ac:dyDescent="0.25">
      <c r="A1721" s="7"/>
      <c r="B1721"/>
      <c r="C1721" s="23" t="s">
        <v>104</v>
      </c>
      <c r="D1721" s="23" t="s">
        <v>2241</v>
      </c>
      <c r="E1721" s="1" t="str">
        <f t="shared" ref="E1721" si="356" xml:space="preserve"> HYPERLINK(CONCATENATE("http://www.sap.com/community/tag.html?id=",$F1721))</f>
        <v>http://www.sap.com/community/tag.html?id=01200615320800000630</v>
      </c>
      <c r="F1721" s="23" t="s">
        <v>3904</v>
      </c>
      <c r="G1721"/>
      <c r="H1721"/>
      <c r="I1721"/>
      <c r="J1721"/>
    </row>
    <row r="1722" spans="1:10" x14ac:dyDescent="0.25">
      <c r="A1722" s="7"/>
      <c r="B1722" t="s">
        <v>163</v>
      </c>
      <c r="C1722" s="23"/>
      <c r="D1722" s="7" t="s">
        <v>5032</v>
      </c>
      <c r="E1722" s="1"/>
      <c r="F1722" s="23" t="s">
        <v>3905</v>
      </c>
      <c r="G1722"/>
      <c r="H1722"/>
      <c r="I1722"/>
      <c r="J1722"/>
    </row>
    <row r="1723" spans="1:10" x14ac:dyDescent="0.25">
      <c r="A1723" s="7"/>
      <c r="B1723"/>
      <c r="C1723" s="23" t="s">
        <v>163</v>
      </c>
      <c r="D1723" s="23" t="s">
        <v>2241</v>
      </c>
      <c r="E1723" s="1" t="str">
        <f t="shared" ref="E1723" si="357" xml:space="preserve"> HYPERLINK(CONCATENATE("http://www.sap.com/community/tag.html?id=",$F1723))</f>
        <v>http://www.sap.com/community/tag.html?id=01200615320800000998</v>
      </c>
      <c r="F1723" s="23" t="s">
        <v>3906</v>
      </c>
      <c r="G1723"/>
      <c r="H1723"/>
      <c r="I1723"/>
      <c r="J1723"/>
    </row>
    <row r="1724" spans="1:10" x14ac:dyDescent="0.25">
      <c r="A1724" s="7"/>
      <c r="B1724" t="s">
        <v>837</v>
      </c>
      <c r="C1724" s="23"/>
      <c r="D1724" s="7" t="s">
        <v>5032</v>
      </c>
      <c r="E1724" s="1"/>
      <c r="F1724" s="23" t="s">
        <v>3907</v>
      </c>
      <c r="G1724"/>
      <c r="H1724"/>
      <c r="I1724"/>
      <c r="J1724"/>
    </row>
    <row r="1725" spans="1:10" x14ac:dyDescent="0.25">
      <c r="A1725" s="7"/>
      <c r="B1725" s="23"/>
      <c r="C1725" t="s">
        <v>837</v>
      </c>
      <c r="D1725" s="23" t="s">
        <v>2241</v>
      </c>
      <c r="E1725" s="1" t="str">
        <f t="shared" ref="E1725" si="358" xml:space="preserve"> HYPERLINK(CONCATENATE("http://www.sap.com/community/tag.html?id=",$F1725))</f>
        <v>http://www.sap.com/community/tag.html?id=01200615320800000695</v>
      </c>
      <c r="F1725" s="23" t="s">
        <v>3908</v>
      </c>
      <c r="G1725"/>
      <c r="H1725"/>
      <c r="I1725"/>
      <c r="J1725"/>
    </row>
    <row r="1726" spans="1:10" x14ac:dyDescent="0.25">
      <c r="A1726" s="7"/>
      <c r="B1726" t="s">
        <v>1170</v>
      </c>
      <c r="C1726" s="23"/>
      <c r="D1726" s="7" t="s">
        <v>5032</v>
      </c>
      <c r="E1726" s="1"/>
      <c r="F1726" s="23" t="s">
        <v>3909</v>
      </c>
      <c r="G1726"/>
      <c r="H1726"/>
      <c r="I1726"/>
      <c r="J1726"/>
    </row>
    <row r="1727" spans="1:10" x14ac:dyDescent="0.25">
      <c r="A1727" s="7"/>
      <c r="B1727" s="23"/>
      <c r="C1727" t="s">
        <v>1170</v>
      </c>
      <c r="D1727" s="23" t="s">
        <v>2241</v>
      </c>
      <c r="E1727" s="1" t="str">
        <f t="shared" ref="E1727" si="359" xml:space="preserve"> HYPERLINK(CONCATENATE("http://www.sap.com/community/tag.html?id=",$F1727))</f>
        <v>http://www.sap.com/community/tag.html?id=67837800100800007357</v>
      </c>
      <c r="F1727" s="23" t="s">
        <v>3910</v>
      </c>
      <c r="G1727"/>
      <c r="H1727"/>
      <c r="I1727"/>
      <c r="J1727"/>
    </row>
    <row r="1728" spans="1:10" x14ac:dyDescent="0.25">
      <c r="A1728" s="7"/>
      <c r="B1728" t="s">
        <v>1943</v>
      </c>
      <c r="C1728" s="23"/>
      <c r="D1728" s="7" t="s">
        <v>5032</v>
      </c>
      <c r="E1728" s="1"/>
      <c r="F1728" s="23" t="s">
        <v>3911</v>
      </c>
      <c r="G1728"/>
      <c r="H1728"/>
      <c r="I1728"/>
      <c r="J1728"/>
    </row>
    <row r="1729" spans="1:10" x14ac:dyDescent="0.25">
      <c r="A1729" s="7"/>
      <c r="B1729" s="23"/>
      <c r="C1729" t="s">
        <v>188</v>
      </c>
      <c r="D1729" s="23" t="s">
        <v>2241</v>
      </c>
      <c r="E1729" s="1" t="str">
        <f t="shared" ref="E1729" si="360" xml:space="preserve"> HYPERLINK(CONCATENATE("http://www.sap.com/community/tag.html?id=",$F1729))</f>
        <v>http://www.sap.com/community/tag.html?id=73554900100800000382</v>
      </c>
      <c r="F1729" s="23" t="s">
        <v>3912</v>
      </c>
      <c r="G1729"/>
      <c r="H1729"/>
      <c r="I1729"/>
      <c r="J1729"/>
    </row>
    <row r="1730" spans="1:10" x14ac:dyDescent="0.25">
      <c r="A1730" s="7"/>
      <c r="B1730" t="s">
        <v>1077</v>
      </c>
      <c r="C1730" s="23"/>
      <c r="D1730" s="7" t="s">
        <v>5032</v>
      </c>
      <c r="E1730" s="1"/>
      <c r="F1730" s="23" t="s">
        <v>3913</v>
      </c>
      <c r="G1730"/>
      <c r="H1730"/>
      <c r="I1730"/>
      <c r="J1730"/>
    </row>
    <row r="1731" spans="1:10" x14ac:dyDescent="0.25">
      <c r="A1731" s="7"/>
      <c r="B1731"/>
      <c r="C1731" s="23" t="s">
        <v>1077</v>
      </c>
      <c r="D1731" s="23" t="s">
        <v>2241</v>
      </c>
      <c r="E1731" s="1" t="str">
        <f t="shared" ref="E1731" si="361" xml:space="preserve"> HYPERLINK(CONCATENATE("http://www.sap.com/community/tag.html?id=",$F1731))</f>
        <v>http://www.sap.com/community/tag.html?id=01200314690800000184</v>
      </c>
      <c r="F1731" s="23" t="s">
        <v>3914</v>
      </c>
      <c r="G1731"/>
      <c r="H1731"/>
      <c r="I1731"/>
      <c r="J1731"/>
    </row>
    <row r="1732" spans="1:10" x14ac:dyDescent="0.25">
      <c r="A1732" s="7"/>
      <c r="B1732" s="23" t="s">
        <v>2153</v>
      </c>
      <c r="C1732"/>
      <c r="D1732" s="7" t="s">
        <v>5032</v>
      </c>
      <c r="E1732" s="1"/>
      <c r="F1732" s="23" t="s">
        <v>3915</v>
      </c>
      <c r="G1732"/>
      <c r="H1732"/>
      <c r="I1732"/>
      <c r="J1732"/>
    </row>
    <row r="1733" spans="1:10" x14ac:dyDescent="0.25">
      <c r="A1733" s="7"/>
      <c r="B1733"/>
      <c r="C1733" s="23" t="s">
        <v>1870</v>
      </c>
      <c r="D1733" s="23" t="s">
        <v>2241</v>
      </c>
      <c r="E1733" s="1" t="str">
        <f t="shared" ref="E1733:E1740" si="362" xml:space="preserve"> HYPERLINK(CONCATENATE("http://www.sap.com/community/tag.html?id=",$F1733))</f>
        <v>http://www.sap.com/community/tag.html?id=01200615320800001066</v>
      </c>
      <c r="F1733" s="23" t="s">
        <v>3916</v>
      </c>
      <c r="G1733"/>
      <c r="H1733"/>
      <c r="I1733"/>
      <c r="J1733"/>
    </row>
    <row r="1734" spans="1:10" x14ac:dyDescent="0.25">
      <c r="A1734" s="7"/>
      <c r="B1734"/>
      <c r="C1734" s="23" t="s">
        <v>1764</v>
      </c>
      <c r="D1734" s="23" t="s">
        <v>2241</v>
      </c>
      <c r="E1734" s="1" t="str">
        <f t="shared" si="362"/>
        <v>http://www.sap.com/community/tag.html?id=01200314690800000181</v>
      </c>
      <c r="F1734" s="23" t="s">
        <v>3917</v>
      </c>
      <c r="G1734"/>
      <c r="H1734"/>
      <c r="I1734"/>
      <c r="J1734"/>
    </row>
    <row r="1735" spans="1:10" x14ac:dyDescent="0.25">
      <c r="A1735" s="7"/>
      <c r="B1735" s="23"/>
      <c r="C1735" t="s">
        <v>254</v>
      </c>
      <c r="D1735" s="23" t="s">
        <v>2241</v>
      </c>
      <c r="E1735" s="1" t="str">
        <f t="shared" si="362"/>
        <v>http://www.sap.com/community/tag.html?id=01200314690800000180</v>
      </c>
      <c r="F1735" s="23" t="s">
        <v>3918</v>
      </c>
      <c r="G1735"/>
      <c r="H1735"/>
      <c r="I1735"/>
      <c r="J1735"/>
    </row>
    <row r="1736" spans="1:10" x14ac:dyDescent="0.25">
      <c r="A1736" s="7"/>
      <c r="B1736"/>
      <c r="C1736" s="23" t="s">
        <v>1167</v>
      </c>
      <c r="D1736" s="23" t="s">
        <v>2241</v>
      </c>
      <c r="E1736" s="1" t="str">
        <f t="shared" si="362"/>
        <v>http://www.sap.com/community/tag.html?id=01200314690800000178</v>
      </c>
      <c r="F1736" s="23" t="s">
        <v>3919</v>
      </c>
      <c r="G1736"/>
      <c r="H1736"/>
      <c r="I1736"/>
      <c r="J1736"/>
    </row>
    <row r="1737" spans="1:10" x14ac:dyDescent="0.25">
      <c r="A1737" s="7"/>
      <c r="B1737" s="23"/>
      <c r="C1737" t="s">
        <v>2059</v>
      </c>
      <c r="D1737" s="23" t="s">
        <v>2241</v>
      </c>
      <c r="E1737" s="1" t="str">
        <f t="shared" si="362"/>
        <v>http://www.sap.com/community/tag.html?id=01200314690800000179</v>
      </c>
      <c r="F1737" s="23" t="s">
        <v>3920</v>
      </c>
      <c r="G1737"/>
      <c r="H1737"/>
      <c r="I1737"/>
      <c r="J1737"/>
    </row>
    <row r="1738" spans="1:10" x14ac:dyDescent="0.25">
      <c r="A1738" s="7"/>
      <c r="B1738"/>
      <c r="C1738" s="23" t="s">
        <v>383</v>
      </c>
      <c r="D1738" s="23" t="s">
        <v>2241</v>
      </c>
      <c r="E1738" s="1" t="str">
        <f t="shared" si="362"/>
        <v>http://www.sap.com/community/tag.html?id=01200314690800000157</v>
      </c>
      <c r="F1738" s="23" t="s">
        <v>3921</v>
      </c>
      <c r="G1738"/>
      <c r="H1738"/>
      <c r="I1738"/>
      <c r="J1738"/>
    </row>
    <row r="1739" spans="1:10" x14ac:dyDescent="0.25">
      <c r="A1739" s="7"/>
      <c r="B1739"/>
      <c r="C1739" s="23" t="s">
        <v>2153</v>
      </c>
      <c r="D1739" s="23" t="s">
        <v>2241</v>
      </c>
      <c r="E1739" s="1" t="str">
        <f t="shared" si="362"/>
        <v>http://www.sap.com/community/tag.html?id=01200314690800000183</v>
      </c>
      <c r="F1739" s="23" t="s">
        <v>3922</v>
      </c>
      <c r="G1739"/>
      <c r="H1739"/>
      <c r="I1739"/>
      <c r="J1739"/>
    </row>
    <row r="1740" spans="1:10" x14ac:dyDescent="0.25">
      <c r="A1740" s="7"/>
      <c r="B1740"/>
      <c r="C1740" s="23" t="s">
        <v>118</v>
      </c>
      <c r="D1740" s="23" t="s">
        <v>2241</v>
      </c>
      <c r="E1740" s="1" t="str">
        <f t="shared" si="362"/>
        <v>http://www.sap.com/community/tag.html?id=67838200100800005832</v>
      </c>
      <c r="F1740" s="23" t="s">
        <v>3923</v>
      </c>
      <c r="G1740"/>
      <c r="H1740"/>
      <c r="I1740"/>
      <c r="J1740"/>
    </row>
    <row r="1741" spans="1:10" x14ac:dyDescent="0.25">
      <c r="A1741" s="7"/>
      <c r="B1741" s="23" t="s">
        <v>5433</v>
      </c>
      <c r="C1741"/>
      <c r="D1741" s="7" t="s">
        <v>5032</v>
      </c>
      <c r="E1741" s="1"/>
      <c r="F1741" s="23" t="s">
        <v>5432</v>
      </c>
      <c r="G1741"/>
      <c r="H1741"/>
      <c r="I1741"/>
      <c r="J1741"/>
    </row>
    <row r="1742" spans="1:10" x14ac:dyDescent="0.25">
      <c r="A1742" s="7"/>
      <c r="B1742"/>
      <c r="C1742" s="23" t="s">
        <v>5435</v>
      </c>
      <c r="D1742" s="23" t="s">
        <v>2241</v>
      </c>
      <c r="E1742" s="1" t="str">
        <f t="shared" ref="E1742" si="363" xml:space="preserve"> HYPERLINK(CONCATENATE("http://www.sap.com/community/tag.html?id=",$F1742))</f>
        <v>http://www.sap.com/community/tag.html?id=73554900100800000243</v>
      </c>
      <c r="F1742" s="23" t="s">
        <v>5434</v>
      </c>
      <c r="G1742"/>
      <c r="H1742"/>
      <c r="I1742"/>
      <c r="J1742"/>
    </row>
    <row r="1743" spans="1:10" x14ac:dyDescent="0.25">
      <c r="A1743" s="7"/>
      <c r="B1743" t="s">
        <v>1060</v>
      </c>
      <c r="C1743" s="23"/>
      <c r="D1743" s="7" t="s">
        <v>5032</v>
      </c>
      <c r="E1743" s="1"/>
      <c r="F1743" s="23" t="s">
        <v>3924</v>
      </c>
      <c r="G1743"/>
      <c r="H1743"/>
      <c r="I1743"/>
      <c r="J1743"/>
    </row>
    <row r="1744" spans="1:10" x14ac:dyDescent="0.25">
      <c r="A1744" s="7"/>
      <c r="B1744" s="23"/>
      <c r="C1744" t="s">
        <v>1060</v>
      </c>
      <c r="D1744" s="23" t="s">
        <v>2241</v>
      </c>
      <c r="E1744" s="1" t="str">
        <f t="shared" ref="E1744" si="364" xml:space="preserve"> HYPERLINK(CONCATENATE("http://www.sap.com/community/tag.html?id=",$F1744))</f>
        <v>http://www.sap.com/community/tag.html?id=01200314690800001942</v>
      </c>
      <c r="F1744" s="23" t="s">
        <v>3925</v>
      </c>
      <c r="G1744"/>
      <c r="H1744"/>
      <c r="I1744"/>
      <c r="J1744"/>
    </row>
    <row r="1745" spans="1:10" x14ac:dyDescent="0.25">
      <c r="A1745" s="7"/>
      <c r="B1745" t="s">
        <v>5384</v>
      </c>
      <c r="C1745" s="23"/>
      <c r="D1745" s="7" t="s">
        <v>5032</v>
      </c>
      <c r="E1745" s="1"/>
      <c r="F1745" s="23" t="s">
        <v>5348</v>
      </c>
      <c r="G1745"/>
      <c r="H1745"/>
      <c r="I1745"/>
      <c r="J1745"/>
    </row>
    <row r="1746" spans="1:10" x14ac:dyDescent="0.25">
      <c r="A1746" s="7"/>
      <c r="B1746" s="23"/>
      <c r="C1746" t="s">
        <v>5384</v>
      </c>
      <c r="D1746" s="23" t="s">
        <v>2241</v>
      </c>
      <c r="E1746" s="1" t="str">
        <f t="shared" ref="E1746" si="365" xml:space="preserve"> HYPERLINK(CONCATENATE("http://www.sap.com/community/tag.html?id=",$F1746))</f>
        <v>http://www.sap.com/community/tag.html?id=73555000100800000771</v>
      </c>
      <c r="F1746" s="23" t="s">
        <v>5349</v>
      </c>
      <c r="G1746"/>
      <c r="H1746"/>
      <c r="I1746"/>
      <c r="J1746"/>
    </row>
    <row r="1747" spans="1:10" x14ac:dyDescent="0.25">
      <c r="A1747" s="7"/>
      <c r="B1747" t="s">
        <v>1406</v>
      </c>
      <c r="C1747" s="23"/>
      <c r="D1747" s="7" t="s">
        <v>5032</v>
      </c>
      <c r="E1747" s="1"/>
      <c r="F1747" s="23" t="s">
        <v>3926</v>
      </c>
      <c r="G1747"/>
      <c r="H1747"/>
      <c r="I1747"/>
      <c r="J1747"/>
    </row>
    <row r="1748" spans="1:10" x14ac:dyDescent="0.25">
      <c r="A1748" s="7"/>
      <c r="B1748" s="23"/>
      <c r="C1748" t="s">
        <v>1406</v>
      </c>
      <c r="D1748" s="23" t="s">
        <v>2241</v>
      </c>
      <c r="E1748" s="1" t="str">
        <f t="shared" ref="E1748:E1749" si="366" xml:space="preserve"> HYPERLINK(CONCATENATE("http://www.sap.com/community/tag.html?id=",$F1748))</f>
        <v>http://www.sap.com/community/tag.html?id=73555000100800000773</v>
      </c>
      <c r="F1748" s="23" t="s">
        <v>5350</v>
      </c>
      <c r="G1748"/>
      <c r="H1748"/>
      <c r="I1748"/>
      <c r="J1748"/>
    </row>
    <row r="1749" spans="1:10" x14ac:dyDescent="0.25">
      <c r="A1749" s="7"/>
      <c r="B1749"/>
      <c r="C1749" s="23" t="s">
        <v>269</v>
      </c>
      <c r="D1749" s="23" t="s">
        <v>2241</v>
      </c>
      <c r="E1749" s="1" t="str">
        <f t="shared" si="366"/>
        <v>http://www.sap.com/community/tag.html?id=67837800100800005871</v>
      </c>
      <c r="F1749" s="23" t="s">
        <v>3927</v>
      </c>
      <c r="G1749"/>
      <c r="H1749"/>
      <c r="I1749"/>
      <c r="J1749"/>
    </row>
    <row r="1750" spans="1:10" x14ac:dyDescent="0.25">
      <c r="A1750" s="7"/>
      <c r="B1750" s="23" t="s">
        <v>967</v>
      </c>
      <c r="C1750"/>
      <c r="D1750" s="7" t="s">
        <v>5032</v>
      </c>
      <c r="E1750" s="1"/>
      <c r="F1750" s="23" t="s">
        <v>3928</v>
      </c>
      <c r="G1750"/>
      <c r="H1750"/>
      <c r="I1750"/>
      <c r="J1750"/>
    </row>
    <row r="1751" spans="1:10" x14ac:dyDescent="0.25">
      <c r="A1751" s="7"/>
      <c r="B1751"/>
      <c r="C1751" s="23" t="s">
        <v>967</v>
      </c>
      <c r="D1751" s="23" t="s">
        <v>2241</v>
      </c>
      <c r="E1751" s="1" t="str">
        <f t="shared" ref="E1751:E1752" si="367" xml:space="preserve"> HYPERLINK(CONCATENATE("http://www.sap.com/community/tag.html?id=",$F1751))</f>
        <v>http://www.sap.com/community/tag.html?id=67837800100800006744</v>
      </c>
      <c r="F1751" s="23" t="s">
        <v>3929</v>
      </c>
      <c r="G1751"/>
      <c r="H1751"/>
      <c r="I1751"/>
      <c r="J1751"/>
    </row>
    <row r="1752" spans="1:10" x14ac:dyDescent="0.25">
      <c r="A1752" s="7"/>
      <c r="B1752" s="23"/>
      <c r="C1752" t="s">
        <v>835</v>
      </c>
      <c r="D1752" s="23" t="s">
        <v>2241</v>
      </c>
      <c r="E1752" s="1" t="str">
        <f t="shared" si="367"/>
        <v>http://www.sap.com/community/tag.html?id=67837800100800007325</v>
      </c>
      <c r="F1752" s="23" t="s">
        <v>3930</v>
      </c>
      <c r="G1752"/>
      <c r="H1752"/>
      <c r="I1752"/>
      <c r="J1752"/>
    </row>
    <row r="1753" spans="1:10" x14ac:dyDescent="0.25">
      <c r="A1753" s="7"/>
      <c r="B1753" t="s">
        <v>1248</v>
      </c>
      <c r="C1753" s="23"/>
      <c r="D1753" s="7" t="s">
        <v>5032</v>
      </c>
      <c r="E1753" s="1"/>
      <c r="F1753" s="23" t="s">
        <v>5351</v>
      </c>
      <c r="G1753"/>
      <c r="H1753"/>
      <c r="I1753"/>
      <c r="J1753"/>
    </row>
    <row r="1754" spans="1:10" x14ac:dyDescent="0.25">
      <c r="A1754" s="7"/>
      <c r="B1754" s="23"/>
      <c r="C1754" t="s">
        <v>1248</v>
      </c>
      <c r="D1754" s="23" t="s">
        <v>2241</v>
      </c>
      <c r="E1754" s="1" t="str">
        <f t="shared" ref="E1754" si="368" xml:space="preserve"> HYPERLINK(CONCATENATE("http://www.sap.com/community/tag.html?id=",$F1754))</f>
        <v>http://www.sap.com/community/tag.html?id=67837800100800006332</v>
      </c>
      <c r="F1754" s="23" t="s">
        <v>3933</v>
      </c>
      <c r="G1754"/>
      <c r="H1754"/>
      <c r="I1754"/>
      <c r="J1754"/>
    </row>
    <row r="1755" spans="1:10" x14ac:dyDescent="0.25">
      <c r="A1755" s="7"/>
      <c r="B1755" t="s">
        <v>2064</v>
      </c>
      <c r="C1755" s="23"/>
      <c r="D1755" s="7" t="s">
        <v>5032</v>
      </c>
      <c r="E1755" s="1"/>
      <c r="F1755" s="23" t="s">
        <v>3931</v>
      </c>
      <c r="G1755"/>
      <c r="H1755"/>
      <c r="I1755"/>
      <c r="J1755"/>
    </row>
    <row r="1756" spans="1:10" x14ac:dyDescent="0.25">
      <c r="A1756" s="7"/>
      <c r="B1756"/>
      <c r="C1756" s="23" t="s">
        <v>689</v>
      </c>
      <c r="D1756" s="23" t="s">
        <v>2241</v>
      </c>
      <c r="E1756" s="1" t="str">
        <f t="shared" ref="E1756:E1758" si="369" xml:space="preserve"> HYPERLINK(CONCATENATE("http://www.sap.com/community/tag.html?id=",$F1756))</f>
        <v>http://www.sap.com/community/tag.html?id=67838200100800004024</v>
      </c>
      <c r="F1756" s="23" t="s">
        <v>3932</v>
      </c>
      <c r="G1756"/>
      <c r="H1756"/>
      <c r="I1756"/>
      <c r="J1756"/>
    </row>
    <row r="1757" spans="1:10" x14ac:dyDescent="0.25">
      <c r="A1757" s="7"/>
      <c r="B1757" s="23"/>
      <c r="C1757" t="s">
        <v>2064</v>
      </c>
      <c r="D1757" s="23" t="s">
        <v>2241</v>
      </c>
      <c r="E1757" s="1" t="str">
        <f t="shared" si="369"/>
        <v>http://www.sap.com/community/tag.html?id=67838200100800004730</v>
      </c>
      <c r="F1757" s="23" t="s">
        <v>3934</v>
      </c>
      <c r="G1757"/>
      <c r="H1757"/>
      <c r="I1757"/>
      <c r="J1757"/>
    </row>
    <row r="1758" spans="1:10" x14ac:dyDescent="0.25">
      <c r="A1758" s="7"/>
      <c r="B1758"/>
      <c r="C1758" s="23" t="s">
        <v>5385</v>
      </c>
      <c r="D1758" s="23" t="s">
        <v>2241</v>
      </c>
      <c r="E1758" s="1" t="str">
        <f t="shared" si="369"/>
        <v>http://www.sap.com/community/tag.html?id=73555000100800000775</v>
      </c>
      <c r="F1758" s="23" t="s">
        <v>5352</v>
      </c>
      <c r="G1758"/>
      <c r="H1758"/>
      <c r="I1758"/>
      <c r="J1758"/>
    </row>
    <row r="1759" spans="1:10" x14ac:dyDescent="0.25">
      <c r="A1759" s="7"/>
      <c r="B1759" t="s">
        <v>1372</v>
      </c>
      <c r="C1759" s="23"/>
      <c r="D1759" s="7" t="s">
        <v>5032</v>
      </c>
      <c r="E1759" s="1"/>
      <c r="F1759" s="23" t="s">
        <v>3935</v>
      </c>
      <c r="G1759"/>
      <c r="H1759"/>
      <c r="I1759"/>
      <c r="J1759"/>
    </row>
    <row r="1760" spans="1:10" x14ac:dyDescent="0.25">
      <c r="A1760" s="7"/>
      <c r="B1760" s="23"/>
      <c r="C1760" t="s">
        <v>1372</v>
      </c>
      <c r="D1760" s="23" t="s">
        <v>2241</v>
      </c>
      <c r="E1760" s="1" t="str">
        <f t="shared" ref="E1760:E1761" si="370" xml:space="preserve"> HYPERLINK(CONCATENATE("http://www.sap.com/community/tag.html?id=",$F1760))</f>
        <v>http://www.sap.com/community/tag.html?id=67837800100800006334</v>
      </c>
      <c r="F1760" s="23" t="s">
        <v>3936</v>
      </c>
      <c r="G1760"/>
      <c r="H1760"/>
      <c r="I1760"/>
      <c r="J1760"/>
    </row>
    <row r="1761" spans="1:10" x14ac:dyDescent="0.25">
      <c r="A1761" s="7"/>
      <c r="B1761"/>
      <c r="C1761" s="23" t="s">
        <v>5386</v>
      </c>
      <c r="D1761" s="23" t="s">
        <v>2241</v>
      </c>
      <c r="E1761" s="1" t="str">
        <f t="shared" si="370"/>
        <v>http://www.sap.com/community/tag.html?id=73554900100800000823</v>
      </c>
      <c r="F1761" s="23" t="s">
        <v>5353</v>
      </c>
      <c r="G1761"/>
      <c r="H1761"/>
      <c r="I1761"/>
      <c r="J1761"/>
    </row>
    <row r="1762" spans="1:10" x14ac:dyDescent="0.25">
      <c r="A1762" s="7"/>
      <c r="B1762" t="s">
        <v>1948</v>
      </c>
      <c r="C1762" s="23"/>
      <c r="D1762" s="7" t="s">
        <v>5032</v>
      </c>
      <c r="E1762" s="1"/>
      <c r="F1762" s="23" t="s">
        <v>3937</v>
      </c>
      <c r="G1762"/>
      <c r="H1762"/>
      <c r="I1762"/>
      <c r="J1762"/>
    </row>
    <row r="1763" spans="1:10" x14ac:dyDescent="0.25">
      <c r="A1763" s="7"/>
      <c r="B1763"/>
      <c r="C1763" s="23" t="s">
        <v>1948</v>
      </c>
      <c r="D1763" s="23" t="s">
        <v>2241</v>
      </c>
      <c r="E1763" s="1" t="str">
        <f t="shared" ref="E1763" si="371" xml:space="preserve"> HYPERLINK(CONCATENATE("http://www.sap.com/community/tag.html?id=",$F1763))</f>
        <v>http://www.sap.com/community/tag.html?id=67838200100800005707</v>
      </c>
      <c r="F1763" s="23" t="s">
        <v>3938</v>
      </c>
      <c r="G1763"/>
      <c r="H1763"/>
      <c r="I1763"/>
      <c r="J1763"/>
    </row>
    <row r="1764" spans="1:10" x14ac:dyDescent="0.25">
      <c r="A1764" s="7"/>
      <c r="B1764" s="23" t="s">
        <v>1869</v>
      </c>
      <c r="C1764"/>
      <c r="D1764" s="7" t="s">
        <v>5032</v>
      </c>
      <c r="E1764" s="1"/>
      <c r="F1764" s="23" t="s">
        <v>3939</v>
      </c>
      <c r="G1764"/>
      <c r="H1764"/>
      <c r="I1764"/>
      <c r="J1764"/>
    </row>
    <row r="1765" spans="1:10" x14ac:dyDescent="0.25">
      <c r="A1765" s="7"/>
      <c r="B1765"/>
      <c r="C1765" s="23" t="s">
        <v>1869</v>
      </c>
      <c r="D1765" s="23" t="s">
        <v>2241</v>
      </c>
      <c r="E1765" s="1" t="str">
        <f t="shared" ref="E1765" si="372" xml:space="preserve"> HYPERLINK(CONCATENATE("http://www.sap.com/community/tag.html?id=",$F1765))</f>
        <v>http://www.sap.com/community/tag.html?id=67838200100800006242</v>
      </c>
      <c r="F1765" s="23" t="s">
        <v>3940</v>
      </c>
      <c r="G1765"/>
      <c r="H1765"/>
      <c r="I1765"/>
      <c r="J1765"/>
    </row>
    <row r="1766" spans="1:10" x14ac:dyDescent="0.25">
      <c r="A1766" s="7"/>
      <c r="B1766" s="23" t="s">
        <v>5061</v>
      </c>
      <c r="C1766"/>
      <c r="D1766" s="7" t="s">
        <v>5032</v>
      </c>
      <c r="E1766" s="1"/>
      <c r="F1766" s="23" t="s">
        <v>5109</v>
      </c>
      <c r="G1766"/>
      <c r="H1766"/>
      <c r="I1766"/>
      <c r="J1766"/>
    </row>
    <row r="1767" spans="1:10" x14ac:dyDescent="0.25">
      <c r="A1767" s="7"/>
      <c r="B1767"/>
      <c r="C1767" s="23" t="s">
        <v>5061</v>
      </c>
      <c r="D1767" s="23" t="s">
        <v>2241</v>
      </c>
      <c r="E1767" s="1" t="str">
        <f t="shared" ref="E1767" si="373" xml:space="preserve"> HYPERLINK(CONCATENATE("http://www.sap.com/community/tag.html?id=",$F1767))</f>
        <v>http://www.sap.com/community/tag.html?id=73555000100800000774</v>
      </c>
      <c r="F1767" s="23" t="s">
        <v>5110</v>
      </c>
      <c r="G1767"/>
      <c r="H1767"/>
      <c r="I1767"/>
      <c r="J1767"/>
    </row>
    <row r="1768" spans="1:10" x14ac:dyDescent="0.25">
      <c r="A1768" s="7"/>
      <c r="B1768" t="s">
        <v>1907</v>
      </c>
      <c r="C1768" s="23"/>
      <c r="D1768" s="7" t="s">
        <v>5032</v>
      </c>
      <c r="E1768" s="1"/>
      <c r="F1768" s="23" t="s">
        <v>3941</v>
      </c>
      <c r="G1768"/>
      <c r="H1768"/>
      <c r="I1768"/>
      <c r="J1768"/>
    </row>
    <row r="1769" spans="1:10" x14ac:dyDescent="0.25">
      <c r="A1769" s="7"/>
      <c r="B1769" s="23"/>
      <c r="C1769" t="s">
        <v>1907</v>
      </c>
      <c r="D1769" s="23" t="s">
        <v>2241</v>
      </c>
      <c r="E1769" s="1" t="str">
        <f t="shared" ref="E1769" si="374" xml:space="preserve"> HYPERLINK(CONCATENATE("http://www.sap.com/community/tag.html?id=",$F1769))</f>
        <v>http://www.sap.com/community/tag.html?id=67837800100800006356</v>
      </c>
      <c r="F1769" s="23" t="s">
        <v>3942</v>
      </c>
      <c r="G1769"/>
      <c r="H1769"/>
      <c r="I1769"/>
      <c r="J1769"/>
    </row>
    <row r="1770" spans="1:10" x14ac:dyDescent="0.25">
      <c r="A1770" s="7"/>
      <c r="B1770" t="s">
        <v>5387</v>
      </c>
      <c r="C1770" s="23"/>
      <c r="D1770" s="7" t="s">
        <v>5032</v>
      </c>
      <c r="E1770" s="1"/>
      <c r="F1770" s="23" t="s">
        <v>5354</v>
      </c>
      <c r="G1770"/>
      <c r="H1770"/>
      <c r="I1770"/>
      <c r="J1770"/>
    </row>
    <row r="1771" spans="1:10" x14ac:dyDescent="0.25">
      <c r="A1771" s="7"/>
      <c r="B1771" s="23"/>
      <c r="C1771" t="s">
        <v>5388</v>
      </c>
      <c r="D1771" s="23" t="s">
        <v>2241</v>
      </c>
      <c r="E1771" s="1" t="str">
        <f t="shared" ref="E1771" si="375" xml:space="preserve"> HYPERLINK(CONCATENATE("http://www.sap.com/community/tag.html?id=",$F1771))</f>
        <v>http://www.sap.com/community/tag.html?id=73555000100800000318</v>
      </c>
      <c r="F1771" s="23" t="s">
        <v>5355</v>
      </c>
      <c r="G1771"/>
      <c r="H1771"/>
      <c r="I1771"/>
      <c r="J1771"/>
    </row>
    <row r="1772" spans="1:10" x14ac:dyDescent="0.25">
      <c r="A1772" s="7"/>
      <c r="B1772" t="s">
        <v>5062</v>
      </c>
      <c r="C1772" s="23"/>
      <c r="D1772" s="7" t="s">
        <v>5032</v>
      </c>
      <c r="E1772" s="1"/>
      <c r="F1772" s="23" t="s">
        <v>5111</v>
      </c>
      <c r="G1772"/>
      <c r="H1772"/>
      <c r="I1772"/>
      <c r="J1772"/>
    </row>
    <row r="1773" spans="1:10" x14ac:dyDescent="0.25">
      <c r="A1773" s="7"/>
      <c r="B1773"/>
      <c r="C1773" s="23" t="s">
        <v>5062</v>
      </c>
      <c r="D1773" s="23" t="s">
        <v>2241</v>
      </c>
      <c r="E1773" s="1" t="str">
        <f t="shared" ref="E1773" si="376" xml:space="preserve"> HYPERLINK(CONCATENATE("http://www.sap.com/community/tag.html?id=",$F1773))</f>
        <v>http://www.sap.com/community/tag.html?id=73555000100800000776</v>
      </c>
      <c r="F1773" s="23" t="s">
        <v>5112</v>
      </c>
      <c r="G1773"/>
      <c r="H1773"/>
      <c r="I1773"/>
      <c r="J1773"/>
    </row>
    <row r="1774" spans="1:10" x14ac:dyDescent="0.25">
      <c r="A1774" s="7"/>
      <c r="B1774" s="23" t="s">
        <v>1926</v>
      </c>
      <c r="C1774"/>
      <c r="D1774" s="7" t="s">
        <v>5032</v>
      </c>
      <c r="E1774" s="1"/>
      <c r="F1774" s="23" t="s">
        <v>5436</v>
      </c>
      <c r="G1774"/>
      <c r="H1774"/>
      <c r="I1774"/>
      <c r="J1774"/>
    </row>
    <row r="1775" spans="1:10" x14ac:dyDescent="0.25">
      <c r="A1775" s="7"/>
      <c r="B1775"/>
      <c r="C1775" s="23" t="s">
        <v>1926</v>
      </c>
      <c r="D1775" s="23" t="s">
        <v>2241</v>
      </c>
      <c r="E1775" s="1" t="str">
        <f t="shared" ref="E1775" si="377" xml:space="preserve"> HYPERLINK(CONCATENATE("http://www.sap.com/community/tag.html?id=",$F1775))</f>
        <v>http://www.sap.com/community/tag.html?id=67837800100800006335</v>
      </c>
      <c r="F1775" s="23" t="s">
        <v>3943</v>
      </c>
      <c r="G1775"/>
      <c r="H1775"/>
      <c r="I1775"/>
      <c r="J1775"/>
    </row>
    <row r="1776" spans="1:10" x14ac:dyDescent="0.25">
      <c r="A1776" s="7"/>
      <c r="B1776" t="s">
        <v>366</v>
      </c>
      <c r="C1776" s="23"/>
      <c r="D1776" s="7" t="s">
        <v>5032</v>
      </c>
      <c r="E1776" s="1"/>
      <c r="F1776" s="23" t="s">
        <v>3944</v>
      </c>
      <c r="G1776"/>
      <c r="H1776"/>
      <c r="I1776"/>
      <c r="J1776"/>
    </row>
    <row r="1777" spans="1:10" x14ac:dyDescent="0.25">
      <c r="A1777" s="7"/>
      <c r="B1777"/>
      <c r="C1777" s="23" t="s">
        <v>366</v>
      </c>
      <c r="D1777" s="23" t="s">
        <v>2241</v>
      </c>
      <c r="E1777" s="1" t="str">
        <f t="shared" ref="E1777:E1778" si="378" xml:space="preserve"> HYPERLINK(CONCATENATE("http://www.sap.com/community/tag.html?id=",$F1777))</f>
        <v>http://www.sap.com/community/tag.html?id=01200615320800000857</v>
      </c>
      <c r="F1777" s="23" t="s">
        <v>3945</v>
      </c>
      <c r="G1777"/>
      <c r="H1777"/>
      <c r="I1777"/>
      <c r="J1777"/>
    </row>
    <row r="1778" spans="1:10" x14ac:dyDescent="0.25">
      <c r="A1778" s="7"/>
      <c r="B1778"/>
      <c r="C1778" s="23" t="s">
        <v>344</v>
      </c>
      <c r="D1778" s="23" t="s">
        <v>2241</v>
      </c>
      <c r="E1778" s="1" t="str">
        <f t="shared" si="378"/>
        <v>http://www.sap.com/community/tag.html?id=01200615320800000997</v>
      </c>
      <c r="F1778" s="23" t="s">
        <v>3946</v>
      </c>
      <c r="G1778"/>
      <c r="H1778"/>
      <c r="I1778"/>
      <c r="J1778"/>
    </row>
    <row r="1779" spans="1:10" x14ac:dyDescent="0.25">
      <c r="A1779" s="7"/>
      <c r="B1779" t="s">
        <v>266</v>
      </c>
      <c r="C1779" s="23"/>
      <c r="D1779" s="7" t="s">
        <v>5032</v>
      </c>
      <c r="E1779" s="1"/>
      <c r="F1779" s="23" t="s">
        <v>3947</v>
      </c>
      <c r="G1779"/>
      <c r="H1779"/>
      <c r="I1779"/>
      <c r="J1779"/>
    </row>
    <row r="1780" spans="1:10" x14ac:dyDescent="0.25">
      <c r="A1780" s="7"/>
      <c r="B1780"/>
      <c r="C1780" s="23" t="s">
        <v>266</v>
      </c>
      <c r="D1780" s="23" t="s">
        <v>2241</v>
      </c>
      <c r="E1780" s="1" t="str">
        <f t="shared" ref="E1780:E1782" si="379" xml:space="preserve"> HYPERLINK(CONCATENATE("http://www.sap.com/community/tag.html?id=",$F1780))</f>
        <v>http://www.sap.com/community/tag.html?id=01200615320800003662</v>
      </c>
      <c r="F1780" s="23" t="s">
        <v>3948</v>
      </c>
      <c r="G1780"/>
      <c r="H1780"/>
      <c r="I1780"/>
      <c r="J1780"/>
    </row>
    <row r="1781" spans="1:10" x14ac:dyDescent="0.25">
      <c r="A1781" s="7"/>
      <c r="B1781"/>
      <c r="C1781" s="23" t="s">
        <v>160</v>
      </c>
      <c r="D1781" s="23" t="s">
        <v>2241</v>
      </c>
      <c r="E1781" s="1" t="str">
        <f t="shared" si="379"/>
        <v>http://www.sap.com/community/tag.html?id=01200615320800004044</v>
      </c>
      <c r="F1781" s="23" t="s">
        <v>3949</v>
      </c>
      <c r="G1781"/>
      <c r="H1781"/>
      <c r="I1781"/>
      <c r="J1781"/>
    </row>
    <row r="1782" spans="1:10" x14ac:dyDescent="0.25">
      <c r="A1782" s="7"/>
      <c r="B1782"/>
      <c r="C1782" s="23" t="s">
        <v>2035</v>
      </c>
      <c r="D1782" s="23" t="s">
        <v>2241</v>
      </c>
      <c r="E1782" s="1" t="str">
        <f t="shared" si="379"/>
        <v>http://www.sap.com/community/tag.html?id=01200615320800004043</v>
      </c>
      <c r="F1782" s="23" t="s">
        <v>3950</v>
      </c>
      <c r="G1782"/>
      <c r="H1782"/>
      <c r="I1782"/>
      <c r="J1782"/>
    </row>
    <row r="1783" spans="1:10" x14ac:dyDescent="0.25">
      <c r="A1783" s="7"/>
      <c r="B1783" s="23" t="s">
        <v>380</v>
      </c>
      <c r="C1783"/>
      <c r="D1783" s="7" t="s">
        <v>5032</v>
      </c>
      <c r="E1783" s="1"/>
      <c r="F1783" s="23" t="s">
        <v>3951</v>
      </c>
      <c r="G1783"/>
      <c r="H1783"/>
      <c r="I1783"/>
      <c r="J1783"/>
    </row>
    <row r="1784" spans="1:10" x14ac:dyDescent="0.25">
      <c r="A1784" s="7"/>
      <c r="B1784"/>
      <c r="C1784" s="23" t="s">
        <v>380</v>
      </c>
      <c r="D1784" s="23" t="s">
        <v>2241</v>
      </c>
      <c r="E1784" s="1" t="str">
        <f t="shared" ref="E1784" si="380" xml:space="preserve"> HYPERLINK(CONCATENATE("http://www.sap.com/community/tag.html?id=",$F1784))</f>
        <v>http://www.sap.com/community/tag.html?id=01200615320800000572</v>
      </c>
      <c r="F1784" s="23" t="s">
        <v>3952</v>
      </c>
      <c r="G1784"/>
      <c r="H1784"/>
      <c r="I1784"/>
      <c r="J1784"/>
    </row>
    <row r="1785" spans="1:10" x14ac:dyDescent="0.25">
      <c r="A1785" s="7"/>
      <c r="B1785" s="23" t="s">
        <v>2239</v>
      </c>
      <c r="C1785"/>
      <c r="D1785" s="7" t="s">
        <v>5032</v>
      </c>
      <c r="E1785" s="1"/>
      <c r="F1785" s="23" t="s">
        <v>3953</v>
      </c>
      <c r="G1785"/>
      <c r="H1785"/>
      <c r="I1785"/>
      <c r="J1785"/>
    </row>
    <row r="1786" spans="1:10" x14ac:dyDescent="0.25">
      <c r="A1786" s="7"/>
      <c r="B1786"/>
      <c r="C1786" s="23" t="s">
        <v>2239</v>
      </c>
      <c r="D1786" s="23" t="s">
        <v>2241</v>
      </c>
      <c r="E1786" s="1" t="str">
        <f t="shared" ref="E1786:E1787" si="381" xml:space="preserve"> HYPERLINK(CONCATENATE("http://www.sap.com/community/tag.html?id=",$F1786))</f>
        <v>http://www.sap.com/community/tag.html?id=67838200100800005362</v>
      </c>
      <c r="F1786" s="23" t="s">
        <v>3954</v>
      </c>
      <c r="G1786"/>
      <c r="H1786"/>
      <c r="I1786"/>
      <c r="J1786"/>
    </row>
    <row r="1787" spans="1:10" x14ac:dyDescent="0.25">
      <c r="A1787" s="7"/>
      <c r="B1787"/>
      <c r="C1787" s="23" t="s">
        <v>765</v>
      </c>
      <c r="D1787" s="23" t="s">
        <v>2241</v>
      </c>
      <c r="E1787" s="1" t="str">
        <f t="shared" si="381"/>
        <v>http://www.sap.com/community/tag.html?id=67838200100800005363</v>
      </c>
      <c r="F1787" s="23" t="s">
        <v>3955</v>
      </c>
      <c r="G1787"/>
      <c r="H1787"/>
      <c r="I1787"/>
      <c r="J1787"/>
    </row>
    <row r="1788" spans="1:10" x14ac:dyDescent="0.25">
      <c r="A1788" s="7"/>
      <c r="B1788" s="23" t="s">
        <v>595</v>
      </c>
      <c r="C1788"/>
      <c r="D1788" s="7" t="s">
        <v>5032</v>
      </c>
      <c r="E1788" s="1"/>
      <c r="F1788" s="23" t="s">
        <v>3956</v>
      </c>
      <c r="G1788"/>
      <c r="H1788"/>
      <c r="I1788"/>
      <c r="J1788"/>
    </row>
    <row r="1789" spans="1:10" x14ac:dyDescent="0.25">
      <c r="A1789" s="7"/>
      <c r="B1789"/>
      <c r="C1789" s="23" t="s">
        <v>595</v>
      </c>
      <c r="D1789" s="23" t="s">
        <v>2241</v>
      </c>
      <c r="E1789" s="1" t="str">
        <f t="shared" ref="E1789" si="382" xml:space="preserve"> HYPERLINK(CONCATENATE("http://www.sap.com/community/tag.html?id=",$F1789))</f>
        <v>http://www.sap.com/community/tag.html?id=01200615320800000669</v>
      </c>
      <c r="F1789" s="23" t="s">
        <v>3957</v>
      </c>
      <c r="G1789"/>
      <c r="H1789"/>
      <c r="I1789"/>
      <c r="J1789"/>
    </row>
    <row r="1790" spans="1:10" x14ac:dyDescent="0.25">
      <c r="A1790" s="7"/>
      <c r="B1790" t="s">
        <v>16</v>
      </c>
      <c r="C1790" s="23"/>
      <c r="D1790" s="7" t="s">
        <v>5032</v>
      </c>
      <c r="E1790" s="1"/>
      <c r="F1790" s="23" t="s">
        <v>3958</v>
      </c>
      <c r="G1790"/>
      <c r="H1790"/>
      <c r="I1790"/>
      <c r="J1790"/>
    </row>
    <row r="1791" spans="1:10" x14ac:dyDescent="0.25">
      <c r="A1791" s="7"/>
      <c r="B1791" s="23"/>
      <c r="C1791" t="s">
        <v>173</v>
      </c>
      <c r="D1791" s="23" t="s">
        <v>2241</v>
      </c>
      <c r="E1791" s="1" t="str">
        <f t="shared" ref="E1791:E1792" si="383" xml:space="preserve"> HYPERLINK(CONCATENATE("http://www.sap.com/community/tag.html?id=",$F1791))</f>
        <v>http://www.sap.com/community/tag.html?id=01200615320800000602</v>
      </c>
      <c r="F1791" s="23" t="s">
        <v>3959</v>
      </c>
      <c r="G1791"/>
      <c r="H1791"/>
      <c r="I1791"/>
      <c r="J1791"/>
    </row>
    <row r="1792" spans="1:10" x14ac:dyDescent="0.25">
      <c r="A1792" s="7"/>
      <c r="B1792"/>
      <c r="C1792" s="23" t="s">
        <v>16</v>
      </c>
      <c r="D1792" s="23" t="s">
        <v>2241</v>
      </c>
      <c r="E1792" s="1" t="str">
        <f t="shared" si="383"/>
        <v>http://www.sap.com/community/tag.html?id=01200615320800000703</v>
      </c>
      <c r="F1792" s="23" t="s">
        <v>3960</v>
      </c>
      <c r="G1792"/>
      <c r="H1792"/>
      <c r="I1792"/>
      <c r="J1792"/>
    </row>
    <row r="1793" spans="1:10" x14ac:dyDescent="0.25">
      <c r="A1793" s="7"/>
      <c r="B1793" s="23" t="s">
        <v>1061</v>
      </c>
      <c r="C1793"/>
      <c r="D1793" s="7" t="s">
        <v>5032</v>
      </c>
      <c r="E1793" s="1"/>
      <c r="F1793" s="23" t="s">
        <v>3970</v>
      </c>
      <c r="G1793"/>
      <c r="H1793"/>
      <c r="I1793"/>
      <c r="J1793"/>
    </row>
    <row r="1794" spans="1:10" x14ac:dyDescent="0.25">
      <c r="A1794" s="7"/>
      <c r="B1794"/>
      <c r="C1794" s="23" t="s">
        <v>1061</v>
      </c>
      <c r="D1794" s="23" t="s">
        <v>2241</v>
      </c>
      <c r="E1794" s="1" t="str">
        <f t="shared" ref="E1794" si="384" xml:space="preserve"> HYPERLINK(CONCATENATE("http://www.sap.com/community/tag.html?id=",$F1794))</f>
        <v>http://www.sap.com/community/tag.html?id=01200615320800001706</v>
      </c>
      <c r="F1794" s="23" t="s">
        <v>3971</v>
      </c>
      <c r="G1794"/>
      <c r="H1794"/>
      <c r="I1794"/>
      <c r="J1794"/>
    </row>
    <row r="1795" spans="1:10" x14ac:dyDescent="0.25">
      <c r="A1795" s="7"/>
      <c r="B1795" t="s">
        <v>1721</v>
      </c>
      <c r="C1795" s="23"/>
      <c r="D1795" s="7" t="s">
        <v>5032</v>
      </c>
      <c r="E1795" s="1"/>
      <c r="F1795" s="23" t="s">
        <v>3972</v>
      </c>
      <c r="G1795"/>
      <c r="H1795"/>
      <c r="I1795"/>
      <c r="J1795"/>
    </row>
    <row r="1796" spans="1:10" x14ac:dyDescent="0.25">
      <c r="A1796" s="7"/>
      <c r="B1796" s="23"/>
      <c r="C1796" t="s">
        <v>1721</v>
      </c>
      <c r="D1796" s="23" t="s">
        <v>2241</v>
      </c>
      <c r="E1796" s="1" t="str">
        <f t="shared" ref="E1796:E1797" si="385" xml:space="preserve"> HYPERLINK(CONCATENATE("http://www.sap.com/community/tag.html?id=",$F1796))</f>
        <v>http://www.sap.com/community/tag.html?id=67837800100800007078</v>
      </c>
      <c r="F1796" s="23" t="s">
        <v>3973</v>
      </c>
      <c r="G1796"/>
      <c r="H1796"/>
      <c r="I1796"/>
      <c r="J1796"/>
    </row>
    <row r="1797" spans="1:10" x14ac:dyDescent="0.25">
      <c r="A1797" s="7"/>
      <c r="B1797"/>
      <c r="C1797" s="23" t="s">
        <v>1073</v>
      </c>
      <c r="D1797" s="23" t="s">
        <v>2241</v>
      </c>
      <c r="E1797" s="1" t="str">
        <f t="shared" si="385"/>
        <v>http://www.sap.com/community/tag.html?id=67838200100800005571</v>
      </c>
      <c r="F1797" s="23" t="s">
        <v>3974</v>
      </c>
      <c r="G1797"/>
      <c r="H1797"/>
      <c r="I1797"/>
      <c r="J1797"/>
    </row>
    <row r="1798" spans="1:10" x14ac:dyDescent="0.25">
      <c r="A1798" s="7"/>
      <c r="B1798" s="23" t="s">
        <v>1765</v>
      </c>
      <c r="C1798"/>
      <c r="D1798" s="7" t="s">
        <v>5032</v>
      </c>
      <c r="E1798" s="1"/>
      <c r="F1798" s="23" t="s">
        <v>5113</v>
      </c>
      <c r="G1798"/>
      <c r="H1798"/>
      <c r="I1798"/>
      <c r="J1798"/>
    </row>
    <row r="1799" spans="1:10" x14ac:dyDescent="0.25">
      <c r="A1799" s="7"/>
      <c r="B1799"/>
      <c r="C1799" s="23" t="s">
        <v>1765</v>
      </c>
      <c r="D1799" s="23" t="s">
        <v>2241</v>
      </c>
      <c r="E1799" s="1" t="str">
        <f t="shared" ref="E1799:E1800" si="386" xml:space="preserve"> HYPERLINK(CONCATENATE("http://www.sap.com/community/tag.html?id=",$F1799))</f>
        <v>http://www.sap.com/community/tag.html?id=67838200100800005618</v>
      </c>
      <c r="F1799" s="23" t="s">
        <v>4242</v>
      </c>
      <c r="G1799"/>
      <c r="H1799"/>
      <c r="I1799"/>
      <c r="J1799"/>
    </row>
    <row r="1800" spans="1:10" x14ac:dyDescent="0.25">
      <c r="A1800" s="7"/>
      <c r="B1800" s="23"/>
      <c r="C1800" t="s">
        <v>707</v>
      </c>
      <c r="D1800" s="23" t="s">
        <v>2241</v>
      </c>
      <c r="E1800" s="1" t="str">
        <f t="shared" si="386"/>
        <v>http://www.sap.com/community/tag.html?id=67838200100800005716</v>
      </c>
      <c r="F1800" s="23" t="s">
        <v>4241</v>
      </c>
      <c r="G1800"/>
      <c r="H1800"/>
      <c r="I1800"/>
      <c r="J1800"/>
    </row>
    <row r="1801" spans="1:10" x14ac:dyDescent="0.25">
      <c r="A1801" s="7"/>
      <c r="B1801" t="s">
        <v>5389</v>
      </c>
      <c r="C1801" s="23"/>
      <c r="D1801" s="7" t="s">
        <v>5032</v>
      </c>
      <c r="E1801" s="1"/>
      <c r="F1801" s="23" t="s">
        <v>5356</v>
      </c>
      <c r="G1801"/>
      <c r="H1801"/>
      <c r="I1801"/>
      <c r="J1801"/>
    </row>
    <row r="1802" spans="1:10" x14ac:dyDescent="0.25">
      <c r="A1802" s="7"/>
      <c r="B1802" s="23"/>
      <c r="C1802" t="s">
        <v>5389</v>
      </c>
      <c r="D1802" s="23" t="s">
        <v>2241</v>
      </c>
      <c r="E1802" s="1" t="str">
        <f t="shared" ref="E1802" si="387" xml:space="preserve"> HYPERLINK(CONCATENATE("http://www.sap.com/community/tag.html?id=",$F1802))</f>
        <v>http://www.sap.com/community/tag.html?id=73554900100800001032</v>
      </c>
      <c r="F1802" s="23" t="s">
        <v>5357</v>
      </c>
      <c r="G1802"/>
      <c r="H1802"/>
      <c r="I1802"/>
      <c r="J1802"/>
    </row>
    <row r="1803" spans="1:10" x14ac:dyDescent="0.25">
      <c r="A1803" s="7"/>
      <c r="B1803" t="s">
        <v>1063</v>
      </c>
      <c r="C1803" s="23"/>
      <c r="D1803" s="7" t="s">
        <v>5032</v>
      </c>
      <c r="E1803" s="1"/>
      <c r="F1803" s="23" t="s">
        <v>3975</v>
      </c>
      <c r="G1803"/>
      <c r="H1803"/>
      <c r="I1803"/>
      <c r="J1803"/>
    </row>
    <row r="1804" spans="1:10" x14ac:dyDescent="0.25">
      <c r="A1804" s="7"/>
      <c r="B1804" s="23"/>
      <c r="C1804" t="s">
        <v>515</v>
      </c>
      <c r="D1804" s="23" t="s">
        <v>2241</v>
      </c>
      <c r="E1804" s="1" t="str">
        <f t="shared" ref="E1804:E1805" si="388" xml:space="preserve"> HYPERLINK(CONCATENATE("http://www.sap.com/community/tag.html?id=",$F1804))</f>
        <v>http://www.sap.com/community/tag.html?id=73554900100800000005</v>
      </c>
      <c r="F1804" s="23" t="s">
        <v>3976</v>
      </c>
      <c r="G1804"/>
      <c r="H1804"/>
      <c r="I1804"/>
      <c r="J1804"/>
    </row>
    <row r="1805" spans="1:10" x14ac:dyDescent="0.25">
      <c r="A1805" s="7"/>
      <c r="B1805"/>
      <c r="C1805" s="23" t="s">
        <v>1657</v>
      </c>
      <c r="D1805" s="23" t="s">
        <v>2241</v>
      </c>
      <c r="E1805" s="1" t="str">
        <f t="shared" si="388"/>
        <v>http://www.sap.com/community/tag.html?id=67838200100800006768</v>
      </c>
      <c r="F1805" s="23" t="s">
        <v>3977</v>
      </c>
      <c r="G1805"/>
      <c r="H1805"/>
      <c r="I1805"/>
      <c r="J1805"/>
    </row>
    <row r="1806" spans="1:10" x14ac:dyDescent="0.25">
      <c r="A1806" s="7"/>
      <c r="B1806" t="s">
        <v>1784</v>
      </c>
      <c r="C1806" s="23"/>
      <c r="D1806" s="7" t="s">
        <v>5032</v>
      </c>
      <c r="E1806" s="1"/>
      <c r="F1806" s="23" t="s">
        <v>3978</v>
      </c>
      <c r="G1806"/>
      <c r="H1806"/>
      <c r="I1806"/>
      <c r="J1806"/>
    </row>
    <row r="1807" spans="1:10" x14ac:dyDescent="0.25">
      <c r="A1807" s="7"/>
      <c r="B1807" s="23"/>
      <c r="C1807" t="s">
        <v>1784</v>
      </c>
      <c r="D1807" s="23" t="s">
        <v>2241</v>
      </c>
      <c r="E1807" s="1" t="str">
        <f t="shared" ref="E1807" si="389" xml:space="preserve"> HYPERLINK(CONCATENATE("http://www.sap.com/community/tag.html?id=",$F1807))</f>
        <v>http://www.sap.com/community/tag.html?id=01200615320800002331</v>
      </c>
      <c r="F1807" s="23" t="s">
        <v>3979</v>
      </c>
      <c r="G1807"/>
      <c r="H1807"/>
      <c r="I1807"/>
      <c r="J1807"/>
    </row>
    <row r="1808" spans="1:10" x14ac:dyDescent="0.25">
      <c r="A1808" s="7"/>
      <c r="B1808" t="s">
        <v>1757</v>
      </c>
      <c r="C1808" s="23"/>
      <c r="D1808" s="7" t="s">
        <v>5032</v>
      </c>
      <c r="E1808" s="1"/>
      <c r="F1808" s="23" t="s">
        <v>3980</v>
      </c>
      <c r="G1808"/>
      <c r="H1808"/>
      <c r="I1808"/>
      <c r="J1808"/>
    </row>
    <row r="1809" spans="1:10" x14ac:dyDescent="0.25">
      <c r="A1809" s="7"/>
      <c r="B1809" s="23"/>
      <c r="C1809" t="s">
        <v>1757</v>
      </c>
      <c r="D1809" s="23" t="s">
        <v>2241</v>
      </c>
      <c r="E1809" s="1" t="str">
        <f t="shared" ref="E1809" si="390" xml:space="preserve"> HYPERLINK(CONCATENATE("http://www.sap.com/community/tag.html?id=",$F1809))</f>
        <v>http://www.sap.com/community/tag.html?id=01200314690800000189</v>
      </c>
      <c r="F1809" s="23" t="s">
        <v>3981</v>
      </c>
      <c r="G1809"/>
      <c r="H1809"/>
      <c r="I1809"/>
      <c r="J1809"/>
    </row>
    <row r="1810" spans="1:10" x14ac:dyDescent="0.25">
      <c r="A1810" s="7"/>
      <c r="B1810" t="s">
        <v>1081</v>
      </c>
      <c r="C1810" s="23"/>
      <c r="D1810" s="7" t="s">
        <v>5032</v>
      </c>
      <c r="E1810" s="1"/>
      <c r="F1810" s="23" t="s">
        <v>3982</v>
      </c>
      <c r="G1810"/>
      <c r="H1810"/>
      <c r="I1810"/>
      <c r="J1810"/>
    </row>
    <row r="1811" spans="1:10" x14ac:dyDescent="0.25">
      <c r="A1811" s="7"/>
      <c r="B1811" s="23"/>
      <c r="C1811" t="s">
        <v>1081</v>
      </c>
      <c r="D1811" s="23" t="s">
        <v>2241</v>
      </c>
      <c r="E1811" s="1" t="str">
        <f t="shared" ref="E1811" si="391" xml:space="preserve"> HYPERLINK(CONCATENATE("http://www.sap.com/community/tag.html?id=",$F1811))</f>
        <v>http://www.sap.com/community/tag.html?id=01200615320800002523</v>
      </c>
      <c r="F1811" s="23" t="s">
        <v>3983</v>
      </c>
      <c r="G1811"/>
      <c r="H1811"/>
      <c r="I1811"/>
      <c r="J1811"/>
    </row>
    <row r="1812" spans="1:10" x14ac:dyDescent="0.25">
      <c r="A1812" s="7"/>
      <c r="B1812" t="s">
        <v>975</v>
      </c>
      <c r="C1812" s="23"/>
      <c r="D1812" s="7" t="s">
        <v>5032</v>
      </c>
      <c r="E1812" s="1"/>
      <c r="F1812" s="23" t="s">
        <v>3984</v>
      </c>
      <c r="G1812"/>
      <c r="H1812"/>
      <c r="I1812"/>
      <c r="J1812"/>
    </row>
    <row r="1813" spans="1:10" x14ac:dyDescent="0.25">
      <c r="A1813" s="7"/>
      <c r="B1813" s="23"/>
      <c r="C1813" t="s">
        <v>975</v>
      </c>
      <c r="D1813" s="23" t="s">
        <v>2241</v>
      </c>
      <c r="E1813" s="1" t="str">
        <f t="shared" ref="E1813" si="392" xml:space="preserve"> HYPERLINK(CONCATENATE("http://www.sap.com/community/tag.html?id=",$F1813))</f>
        <v>http://www.sap.com/community/tag.html?id=73555000100800000144</v>
      </c>
      <c r="F1813" s="23" t="s">
        <v>3985</v>
      </c>
      <c r="G1813"/>
      <c r="H1813"/>
      <c r="I1813"/>
      <c r="J1813"/>
    </row>
    <row r="1814" spans="1:10" x14ac:dyDescent="0.25">
      <c r="A1814" s="7"/>
      <c r="B1814" t="s">
        <v>159</v>
      </c>
      <c r="C1814" s="23"/>
      <c r="D1814" s="7" t="s">
        <v>5032</v>
      </c>
      <c r="E1814" s="1"/>
      <c r="F1814" s="23" t="s">
        <v>3986</v>
      </c>
      <c r="G1814"/>
      <c r="H1814"/>
      <c r="I1814"/>
      <c r="J1814"/>
    </row>
    <row r="1815" spans="1:10" x14ac:dyDescent="0.25">
      <c r="A1815" s="7"/>
      <c r="B1815" s="23"/>
      <c r="C1815" t="s">
        <v>1994</v>
      </c>
      <c r="D1815" s="23" t="s">
        <v>2241</v>
      </c>
      <c r="E1815" s="1" t="str">
        <f t="shared" ref="E1815:E1816" si="393" xml:space="preserve"> HYPERLINK(CONCATENATE("http://www.sap.com/community/tag.html?id=",$F1815))</f>
        <v>http://www.sap.com/community/tag.html?id=01200615320800000633</v>
      </c>
      <c r="F1815" s="23" t="s">
        <v>3987</v>
      </c>
      <c r="G1815"/>
      <c r="H1815"/>
      <c r="I1815"/>
      <c r="J1815"/>
    </row>
    <row r="1816" spans="1:10" x14ac:dyDescent="0.25">
      <c r="A1816" s="7"/>
      <c r="B1816"/>
      <c r="C1816" s="23" t="s">
        <v>64</v>
      </c>
      <c r="D1816" s="23" t="s">
        <v>2241</v>
      </c>
      <c r="E1816" s="1" t="str">
        <f t="shared" si="393"/>
        <v>http://www.sap.com/community/tag.html?id=01200615320800000624</v>
      </c>
      <c r="F1816" s="23" t="s">
        <v>3988</v>
      </c>
      <c r="G1816"/>
      <c r="H1816"/>
      <c r="I1816"/>
      <c r="J1816"/>
    </row>
    <row r="1817" spans="1:10" x14ac:dyDescent="0.25">
      <c r="A1817" s="7"/>
      <c r="B1817" s="23" t="s">
        <v>1703</v>
      </c>
      <c r="C1817"/>
      <c r="D1817" s="7" t="s">
        <v>5032</v>
      </c>
      <c r="E1817" s="1"/>
      <c r="F1817" s="23" t="s">
        <v>3989</v>
      </c>
      <c r="G1817"/>
      <c r="H1817"/>
      <c r="I1817"/>
      <c r="J1817"/>
    </row>
    <row r="1818" spans="1:10" x14ac:dyDescent="0.25">
      <c r="A1818" s="7"/>
      <c r="B1818"/>
      <c r="C1818" s="23" t="s">
        <v>1703</v>
      </c>
      <c r="D1818" s="23" t="s">
        <v>2241</v>
      </c>
      <c r="E1818" s="1" t="str">
        <f t="shared" ref="E1818" si="394" xml:space="preserve"> HYPERLINK(CONCATENATE("http://www.sap.com/community/tag.html?id=",$F1818))</f>
        <v>http://www.sap.com/community/tag.html?id=01200615320800000746</v>
      </c>
      <c r="F1818" s="23" t="s">
        <v>3990</v>
      </c>
      <c r="G1818"/>
      <c r="H1818"/>
      <c r="I1818"/>
      <c r="J1818"/>
    </row>
    <row r="1819" spans="1:10" x14ac:dyDescent="0.25">
      <c r="A1819" s="7"/>
      <c r="B1819" s="23" t="s">
        <v>755</v>
      </c>
      <c r="C1819"/>
      <c r="D1819" s="7" t="s">
        <v>5032</v>
      </c>
      <c r="E1819" s="1"/>
      <c r="F1819" s="23" t="s">
        <v>3991</v>
      </c>
      <c r="G1819"/>
      <c r="H1819"/>
      <c r="I1819"/>
      <c r="J1819"/>
    </row>
    <row r="1820" spans="1:10" x14ac:dyDescent="0.25">
      <c r="A1820" s="7"/>
      <c r="B1820"/>
      <c r="C1820" s="23" t="s">
        <v>755</v>
      </c>
      <c r="D1820" s="23" t="s">
        <v>2241</v>
      </c>
      <c r="E1820" s="1" t="str">
        <f t="shared" ref="E1820" si="395" xml:space="preserve"> HYPERLINK(CONCATENATE("http://www.sap.com/community/tag.html?id=",$F1820))</f>
        <v>http://www.sap.com/community/tag.html?id=73554900100800000280</v>
      </c>
      <c r="F1820" s="23" t="s">
        <v>3992</v>
      </c>
      <c r="G1820"/>
      <c r="H1820"/>
      <c r="I1820"/>
      <c r="J1820"/>
    </row>
    <row r="1821" spans="1:10" x14ac:dyDescent="0.25">
      <c r="A1821" s="7"/>
      <c r="B1821" t="s">
        <v>70</v>
      </c>
      <c r="C1821" s="23"/>
      <c r="D1821" s="7" t="s">
        <v>5032</v>
      </c>
      <c r="E1821" s="1"/>
      <c r="F1821" s="23" t="s">
        <v>3993</v>
      </c>
      <c r="G1821"/>
      <c r="H1821"/>
      <c r="I1821"/>
      <c r="J1821"/>
    </row>
    <row r="1822" spans="1:10" x14ac:dyDescent="0.25">
      <c r="A1822" s="7"/>
      <c r="B1822"/>
      <c r="C1822" s="23" t="s">
        <v>70</v>
      </c>
      <c r="D1822" s="23" t="s">
        <v>2241</v>
      </c>
      <c r="E1822" s="1" t="str">
        <f t="shared" ref="E1822" si="396" xml:space="preserve"> HYPERLINK(CONCATENATE("http://www.sap.com/community/tag.html?id=",$F1822))</f>
        <v>http://www.sap.com/community/tag.html?id=67837800100800004437</v>
      </c>
      <c r="F1822" s="23" t="s">
        <v>3994</v>
      </c>
      <c r="G1822"/>
      <c r="H1822"/>
      <c r="I1822"/>
      <c r="J1822"/>
    </row>
    <row r="1823" spans="1:10" x14ac:dyDescent="0.25">
      <c r="A1823" s="7"/>
      <c r="B1823" t="s">
        <v>819</v>
      </c>
      <c r="C1823" s="23"/>
      <c r="D1823" s="7" t="s">
        <v>5032</v>
      </c>
      <c r="E1823" s="1"/>
      <c r="F1823" s="23" t="s">
        <v>3995</v>
      </c>
      <c r="G1823"/>
      <c r="H1823"/>
      <c r="I1823"/>
      <c r="J1823"/>
    </row>
    <row r="1824" spans="1:10" x14ac:dyDescent="0.25">
      <c r="A1824" s="7"/>
      <c r="B1824"/>
      <c r="C1824" s="23" t="s">
        <v>819</v>
      </c>
      <c r="D1824" s="23" t="s">
        <v>2241</v>
      </c>
      <c r="E1824" s="1" t="str">
        <f t="shared" ref="E1824" si="397" xml:space="preserve"> HYPERLINK(CONCATENATE("http://www.sap.com/community/tag.html?id=",$F1824))</f>
        <v>http://www.sap.com/community/tag.html?id=01200615320800000598</v>
      </c>
      <c r="F1824" s="23" t="s">
        <v>3996</v>
      </c>
      <c r="G1824"/>
      <c r="H1824"/>
      <c r="I1824"/>
      <c r="J1824"/>
    </row>
    <row r="1825" spans="1:10" x14ac:dyDescent="0.25">
      <c r="A1825" s="7"/>
      <c r="B1825" t="s">
        <v>639</v>
      </c>
      <c r="C1825" s="23"/>
      <c r="D1825" s="7" t="s">
        <v>5032</v>
      </c>
      <c r="E1825" s="1"/>
      <c r="F1825" s="23" t="s">
        <v>3997</v>
      </c>
      <c r="G1825"/>
      <c r="H1825"/>
      <c r="I1825"/>
      <c r="J1825"/>
    </row>
    <row r="1826" spans="1:10" x14ac:dyDescent="0.25">
      <c r="A1826" s="7"/>
      <c r="B1826"/>
      <c r="C1826" s="23" t="s">
        <v>639</v>
      </c>
      <c r="D1826" s="23" t="s">
        <v>2241</v>
      </c>
      <c r="E1826" s="1" t="str">
        <f t="shared" ref="E1826" si="398" xml:space="preserve"> HYPERLINK(CONCATENATE("http://www.sap.com/community/tag.html?id=",$F1826))</f>
        <v>http://www.sap.com/community/tag.html?id=01200615320800000684</v>
      </c>
      <c r="F1826" s="23" t="s">
        <v>3998</v>
      </c>
      <c r="G1826"/>
      <c r="H1826"/>
      <c r="I1826"/>
      <c r="J1826"/>
    </row>
    <row r="1827" spans="1:10" x14ac:dyDescent="0.25">
      <c r="A1827" s="7"/>
      <c r="B1827" t="s">
        <v>1097</v>
      </c>
      <c r="C1827" s="23"/>
      <c r="D1827" s="7" t="s">
        <v>5032</v>
      </c>
      <c r="E1827" s="1"/>
      <c r="F1827" s="23" t="s">
        <v>3999</v>
      </c>
      <c r="G1827"/>
      <c r="H1827"/>
      <c r="I1827"/>
      <c r="J1827"/>
    </row>
    <row r="1828" spans="1:10" x14ac:dyDescent="0.25">
      <c r="A1828" s="7"/>
      <c r="B1828" s="23"/>
      <c r="C1828" t="s">
        <v>1097</v>
      </c>
      <c r="D1828" s="23" t="s">
        <v>2241</v>
      </c>
      <c r="E1828" s="1" t="str">
        <f t="shared" ref="E1828" si="399" xml:space="preserve"> HYPERLINK(CONCATENATE("http://www.sap.com/community/tag.html?id=",$F1828))</f>
        <v>http://www.sap.com/community/tag.html?id=67837800100800005508</v>
      </c>
      <c r="F1828" s="23" t="s">
        <v>4000</v>
      </c>
      <c r="G1828"/>
      <c r="H1828"/>
      <c r="I1828"/>
      <c r="J1828"/>
    </row>
    <row r="1829" spans="1:10" x14ac:dyDescent="0.25">
      <c r="A1829" s="7"/>
      <c r="B1829" t="s">
        <v>33</v>
      </c>
      <c r="C1829" s="23"/>
      <c r="D1829" s="7" t="s">
        <v>5032</v>
      </c>
      <c r="E1829" s="1"/>
      <c r="F1829" s="23" t="s">
        <v>4001</v>
      </c>
      <c r="G1829"/>
      <c r="H1829"/>
      <c r="I1829"/>
      <c r="J1829"/>
    </row>
    <row r="1830" spans="1:10" x14ac:dyDescent="0.25">
      <c r="A1830" s="7"/>
      <c r="B1830" s="23"/>
      <c r="C1830" t="s">
        <v>1723</v>
      </c>
      <c r="D1830" s="23" t="s">
        <v>2241</v>
      </c>
      <c r="E1830" s="1" t="str">
        <f t="shared" ref="E1830:E1837" si="400" xml:space="preserve"> HYPERLINK(CONCATENATE("http://www.sap.com/community/tag.html?id=",$F1830))</f>
        <v>http://www.sap.com/community/tag.html?id=67837800100800004458</v>
      </c>
      <c r="F1830" s="23" t="s">
        <v>4002</v>
      </c>
      <c r="G1830"/>
      <c r="H1830"/>
      <c r="I1830"/>
      <c r="J1830"/>
    </row>
    <row r="1831" spans="1:10" x14ac:dyDescent="0.25">
      <c r="A1831" s="7"/>
      <c r="B1831"/>
      <c r="C1831" s="23" t="s">
        <v>1555</v>
      </c>
      <c r="D1831" s="23" t="s">
        <v>2241</v>
      </c>
      <c r="E1831" s="1" t="str">
        <f t="shared" si="400"/>
        <v>http://www.sap.com/community/tag.html?id=67837800100800004461</v>
      </c>
      <c r="F1831" s="23" t="s">
        <v>4003</v>
      </c>
      <c r="G1831"/>
      <c r="H1831"/>
      <c r="I1831"/>
      <c r="J1831"/>
    </row>
    <row r="1832" spans="1:10" x14ac:dyDescent="0.25">
      <c r="A1832" s="7"/>
      <c r="B1832" s="23"/>
      <c r="C1832" t="s">
        <v>169</v>
      </c>
      <c r="D1832" s="23" t="s">
        <v>2241</v>
      </c>
      <c r="E1832" s="1" t="str">
        <f t="shared" si="400"/>
        <v>http://www.sap.com/community/tag.html?id=67837800100800004460</v>
      </c>
      <c r="F1832" s="23" t="s">
        <v>4004</v>
      </c>
      <c r="G1832"/>
      <c r="H1832"/>
      <c r="I1832"/>
      <c r="J1832"/>
    </row>
    <row r="1833" spans="1:10" x14ac:dyDescent="0.25">
      <c r="A1833" s="7"/>
      <c r="B1833"/>
      <c r="C1833" s="23" t="s">
        <v>1720</v>
      </c>
      <c r="D1833" s="23" t="s">
        <v>2241</v>
      </c>
      <c r="E1833" s="1" t="str">
        <f t="shared" si="400"/>
        <v>http://www.sap.com/community/tag.html?id=67838200100800006920</v>
      </c>
      <c r="F1833" s="23" t="s">
        <v>4005</v>
      </c>
      <c r="G1833"/>
      <c r="H1833"/>
      <c r="I1833"/>
      <c r="J1833"/>
    </row>
    <row r="1834" spans="1:10" x14ac:dyDescent="0.25">
      <c r="A1834" s="7"/>
      <c r="B1834" s="23"/>
      <c r="C1834" t="s">
        <v>1045</v>
      </c>
      <c r="D1834" s="23" t="s">
        <v>2241</v>
      </c>
      <c r="E1834" s="1" t="str">
        <f t="shared" si="400"/>
        <v>http://www.sap.com/community/tag.html?id=67837800100800004459</v>
      </c>
      <c r="F1834" s="23" t="s">
        <v>4006</v>
      </c>
      <c r="G1834"/>
      <c r="H1834"/>
      <c r="I1834"/>
      <c r="J1834"/>
    </row>
    <row r="1835" spans="1:10" x14ac:dyDescent="0.25">
      <c r="A1835" s="7"/>
      <c r="B1835"/>
      <c r="C1835" s="23" t="s">
        <v>372</v>
      </c>
      <c r="D1835" s="23" t="s">
        <v>2241</v>
      </c>
      <c r="E1835" s="1" t="str">
        <f t="shared" si="400"/>
        <v>http://www.sap.com/community/tag.html?id=67837800100800006943</v>
      </c>
      <c r="F1835" s="23" t="s">
        <v>4007</v>
      </c>
      <c r="G1835"/>
      <c r="H1835"/>
      <c r="I1835"/>
      <c r="J1835"/>
    </row>
    <row r="1836" spans="1:10" x14ac:dyDescent="0.25">
      <c r="A1836" s="7"/>
      <c r="B1836"/>
      <c r="C1836" s="23" t="s">
        <v>1787</v>
      </c>
      <c r="D1836" s="23" t="s">
        <v>2241</v>
      </c>
      <c r="E1836" s="1" t="str">
        <f t="shared" si="400"/>
        <v>http://www.sap.com/community/tag.html?id=67837800100800005772</v>
      </c>
      <c r="F1836" s="23" t="s">
        <v>4008</v>
      </c>
      <c r="G1836"/>
      <c r="H1836"/>
      <c r="I1836"/>
      <c r="J1836"/>
    </row>
    <row r="1837" spans="1:10" x14ac:dyDescent="0.25">
      <c r="A1837" s="7"/>
      <c r="B1837"/>
      <c r="C1837" s="23" t="s">
        <v>1487</v>
      </c>
      <c r="D1837" s="23" t="s">
        <v>2241</v>
      </c>
      <c r="E1837" s="1" t="str">
        <f t="shared" si="400"/>
        <v>http://www.sap.com/community/tag.html?id=67838200100800005357</v>
      </c>
      <c r="F1837" s="23" t="s">
        <v>4009</v>
      </c>
      <c r="G1837"/>
      <c r="H1837"/>
      <c r="I1837"/>
      <c r="J1837"/>
    </row>
    <row r="1838" spans="1:10" x14ac:dyDescent="0.25">
      <c r="A1838" s="7"/>
      <c r="B1838" s="23" t="s">
        <v>1273</v>
      </c>
      <c r="C1838"/>
      <c r="D1838" s="7" t="s">
        <v>5032</v>
      </c>
      <c r="E1838" s="1"/>
      <c r="F1838" s="23" t="s">
        <v>4010</v>
      </c>
      <c r="G1838"/>
      <c r="H1838"/>
      <c r="I1838"/>
      <c r="J1838"/>
    </row>
    <row r="1839" spans="1:10" x14ac:dyDescent="0.25">
      <c r="A1839" s="7"/>
      <c r="B1839"/>
      <c r="C1839" s="23" t="s">
        <v>1273</v>
      </c>
      <c r="D1839" s="23" t="s">
        <v>2241</v>
      </c>
      <c r="E1839" s="1" t="str">
        <f t="shared" ref="E1839" si="401" xml:space="preserve"> HYPERLINK(CONCATENATE("http://www.sap.com/community/tag.html?id=",$F1839))</f>
        <v>http://www.sap.com/community/tag.html?id=67837800100800004487</v>
      </c>
      <c r="F1839" s="23" t="s">
        <v>4011</v>
      </c>
      <c r="G1839"/>
      <c r="H1839"/>
      <c r="I1839"/>
      <c r="J1839"/>
    </row>
    <row r="1840" spans="1:10" x14ac:dyDescent="0.25">
      <c r="A1840" s="7"/>
      <c r="B1840" s="23" t="s">
        <v>478</v>
      </c>
      <c r="C1840"/>
      <c r="D1840" s="7" t="s">
        <v>5032</v>
      </c>
      <c r="E1840" s="1"/>
      <c r="F1840" s="23" t="s">
        <v>4012</v>
      </c>
      <c r="G1840"/>
      <c r="H1840"/>
      <c r="I1840"/>
      <c r="J1840"/>
    </row>
    <row r="1841" spans="1:10" x14ac:dyDescent="0.25">
      <c r="A1841" s="7"/>
      <c r="B1841"/>
      <c r="C1841" s="23" t="s">
        <v>478</v>
      </c>
      <c r="D1841" s="23" t="s">
        <v>2241</v>
      </c>
      <c r="E1841" s="1" t="str">
        <f t="shared" ref="E1841" si="402" xml:space="preserve"> HYPERLINK(CONCATENATE("http://www.sap.com/community/tag.html?id=",$F1841))</f>
        <v>http://www.sap.com/community/tag.html?id=01200615320800000143</v>
      </c>
      <c r="F1841" s="23" t="s">
        <v>4013</v>
      </c>
      <c r="G1841"/>
      <c r="H1841"/>
      <c r="I1841"/>
      <c r="J1841"/>
    </row>
    <row r="1842" spans="1:10" x14ac:dyDescent="0.25">
      <c r="A1842" s="7"/>
      <c r="B1842" t="s">
        <v>1240</v>
      </c>
      <c r="C1842" s="23"/>
      <c r="D1842" s="7" t="s">
        <v>5032</v>
      </c>
      <c r="E1842" s="1"/>
      <c r="F1842" s="23" t="s">
        <v>4014</v>
      </c>
      <c r="G1842"/>
      <c r="H1842"/>
      <c r="I1842"/>
      <c r="J1842"/>
    </row>
    <row r="1843" spans="1:10" x14ac:dyDescent="0.25">
      <c r="A1843" s="7"/>
      <c r="B1843" s="23"/>
      <c r="C1843" t="s">
        <v>1909</v>
      </c>
      <c r="D1843" s="23" t="s">
        <v>2241</v>
      </c>
      <c r="E1843" s="1" t="str">
        <f t="shared" ref="E1843" si="403" xml:space="preserve"> HYPERLINK(CONCATENATE("http://www.sap.com/community/tag.html?id=",$F1843))</f>
        <v>http://www.sap.com/community/tag.html?id=67838200100800006817</v>
      </c>
      <c r="F1843" s="23" t="s">
        <v>4015</v>
      </c>
      <c r="G1843"/>
      <c r="H1843"/>
      <c r="I1843"/>
      <c r="J1843"/>
    </row>
    <row r="1844" spans="1:10" x14ac:dyDescent="0.25">
      <c r="A1844" s="7"/>
      <c r="B1844" t="s">
        <v>278</v>
      </c>
      <c r="C1844" s="23"/>
      <c r="D1844" s="7" t="s">
        <v>5032</v>
      </c>
      <c r="E1844" s="1"/>
      <c r="F1844" s="23" t="s">
        <v>4016</v>
      </c>
      <c r="G1844"/>
      <c r="H1844"/>
      <c r="I1844"/>
      <c r="J1844"/>
    </row>
    <row r="1845" spans="1:10" x14ac:dyDescent="0.25">
      <c r="A1845" s="7"/>
      <c r="B1845" s="23"/>
      <c r="C1845" t="s">
        <v>278</v>
      </c>
      <c r="D1845" s="23" t="s">
        <v>2241</v>
      </c>
      <c r="E1845" s="1" t="str">
        <f t="shared" ref="E1845:E1847" si="404" xml:space="preserve"> HYPERLINK(CONCATENATE("http://www.sap.com/community/tag.html?id=",$F1845))</f>
        <v>http://www.sap.com/community/tag.html?id=67837800100800007380</v>
      </c>
      <c r="F1845" s="23" t="s">
        <v>4017</v>
      </c>
      <c r="G1845"/>
      <c r="H1845"/>
      <c r="I1845"/>
      <c r="J1845"/>
    </row>
    <row r="1846" spans="1:10" x14ac:dyDescent="0.25">
      <c r="A1846" s="7"/>
      <c r="B1846"/>
      <c r="C1846" s="23" t="s">
        <v>21</v>
      </c>
      <c r="D1846" s="23" t="s">
        <v>2241</v>
      </c>
      <c r="E1846" s="1" t="str">
        <f t="shared" si="404"/>
        <v>http://www.sap.com/community/tag.html?id=67837800100800007379</v>
      </c>
      <c r="F1846" s="23" t="s">
        <v>4018</v>
      </c>
      <c r="G1846"/>
      <c r="H1846"/>
      <c r="I1846"/>
      <c r="J1846"/>
    </row>
    <row r="1847" spans="1:10" x14ac:dyDescent="0.25">
      <c r="A1847" s="7"/>
      <c r="B1847" s="23"/>
      <c r="C1847" t="s">
        <v>620</v>
      </c>
      <c r="D1847" s="23" t="s">
        <v>2241</v>
      </c>
      <c r="E1847" s="1" t="str">
        <f t="shared" si="404"/>
        <v>http://www.sap.com/community/tag.html?id=73555000100800000023</v>
      </c>
      <c r="F1847" s="23" t="s">
        <v>4019</v>
      </c>
      <c r="G1847"/>
      <c r="H1847"/>
      <c r="I1847"/>
      <c r="J1847"/>
    </row>
    <row r="1848" spans="1:10" x14ac:dyDescent="0.25">
      <c r="A1848" s="7"/>
      <c r="B1848" t="s">
        <v>1868</v>
      </c>
      <c r="C1848" s="23"/>
      <c r="D1848" s="7" t="s">
        <v>5032</v>
      </c>
      <c r="E1848" s="1"/>
      <c r="F1848" s="23" t="s">
        <v>4020</v>
      </c>
      <c r="G1848"/>
      <c r="H1848"/>
      <c r="I1848"/>
      <c r="J1848"/>
    </row>
    <row r="1849" spans="1:10" x14ac:dyDescent="0.25">
      <c r="A1849" s="7"/>
      <c r="B1849"/>
      <c r="C1849" s="23" t="s">
        <v>1868</v>
      </c>
      <c r="D1849" s="23" t="s">
        <v>2241</v>
      </c>
      <c r="E1849" s="1" t="str">
        <f t="shared" ref="E1849" si="405" xml:space="preserve"> HYPERLINK(CONCATENATE("http://www.sap.com/community/tag.html?id=",$F1849))</f>
        <v>http://www.sap.com/community/tag.html?id=73554900100800000331</v>
      </c>
      <c r="F1849" s="23" t="s">
        <v>4021</v>
      </c>
      <c r="G1849"/>
      <c r="H1849"/>
      <c r="I1849"/>
      <c r="J1849"/>
    </row>
    <row r="1850" spans="1:10" x14ac:dyDescent="0.25">
      <c r="A1850" s="7"/>
      <c r="B1850" s="23" t="s">
        <v>652</v>
      </c>
      <c r="C1850"/>
      <c r="D1850" s="7" t="s">
        <v>5032</v>
      </c>
      <c r="E1850" s="1"/>
      <c r="F1850" s="23" t="s">
        <v>4022</v>
      </c>
      <c r="G1850"/>
      <c r="H1850"/>
      <c r="I1850"/>
      <c r="J1850"/>
    </row>
    <row r="1851" spans="1:10" x14ac:dyDescent="0.25">
      <c r="A1851" s="7"/>
      <c r="B1851"/>
      <c r="C1851" s="23" t="s">
        <v>652</v>
      </c>
      <c r="D1851" s="23" t="s">
        <v>2241</v>
      </c>
      <c r="E1851" s="1" t="str">
        <f t="shared" ref="E1851:E1852" si="406" xml:space="preserve"> HYPERLINK(CONCATENATE("http://www.sap.com/community/tag.html?id=",$F1851))</f>
        <v>http://www.sap.com/community/tag.html?id=67838200100800005710</v>
      </c>
      <c r="F1851" s="23" t="s">
        <v>4023</v>
      </c>
      <c r="G1851"/>
      <c r="H1851"/>
      <c r="I1851"/>
      <c r="J1851"/>
    </row>
    <row r="1852" spans="1:10" x14ac:dyDescent="0.25">
      <c r="A1852" s="7"/>
      <c r="B1852"/>
      <c r="C1852" s="23" t="s">
        <v>2055</v>
      </c>
      <c r="D1852" s="23" t="s">
        <v>2241</v>
      </c>
      <c r="E1852" s="1" t="str">
        <f t="shared" si="406"/>
        <v>http://www.sap.com/community/tag.html?id=67838200100800005959</v>
      </c>
      <c r="F1852" s="23" t="s">
        <v>4024</v>
      </c>
      <c r="G1852"/>
      <c r="H1852"/>
      <c r="I1852"/>
      <c r="J1852"/>
    </row>
    <row r="1853" spans="1:10" x14ac:dyDescent="0.25">
      <c r="A1853" s="7"/>
      <c r="B1853" s="23" t="s">
        <v>1448</v>
      </c>
      <c r="C1853"/>
      <c r="D1853" s="7" t="s">
        <v>5032</v>
      </c>
      <c r="E1853" s="1"/>
      <c r="F1853" s="23" t="s">
        <v>4025</v>
      </c>
      <c r="G1853"/>
      <c r="H1853"/>
      <c r="I1853"/>
      <c r="J1853"/>
    </row>
    <row r="1854" spans="1:10" x14ac:dyDescent="0.25">
      <c r="A1854" s="7"/>
      <c r="B1854"/>
      <c r="C1854" s="23" t="s">
        <v>1448</v>
      </c>
      <c r="D1854" s="23" t="s">
        <v>2241</v>
      </c>
      <c r="E1854" s="1" t="str">
        <f t="shared" ref="E1854" si="407" xml:space="preserve"> HYPERLINK(CONCATENATE("http://www.sap.com/community/tag.html?id=",$F1854))</f>
        <v>http://www.sap.com/community/tag.html?id=01200615320800000651</v>
      </c>
      <c r="F1854" s="23" t="s">
        <v>4026</v>
      </c>
      <c r="G1854"/>
      <c r="H1854"/>
      <c r="I1854"/>
      <c r="J1854"/>
    </row>
    <row r="1855" spans="1:10" x14ac:dyDescent="0.25">
      <c r="A1855" s="7"/>
      <c r="B1855" t="s">
        <v>907</v>
      </c>
      <c r="C1855" s="23"/>
      <c r="D1855" s="7" t="s">
        <v>5032</v>
      </c>
      <c r="E1855" s="1"/>
      <c r="F1855" s="23" t="s">
        <v>4027</v>
      </c>
      <c r="G1855"/>
      <c r="H1855"/>
      <c r="I1855"/>
      <c r="J1855"/>
    </row>
    <row r="1856" spans="1:10" x14ac:dyDescent="0.25">
      <c r="A1856" s="7"/>
      <c r="B1856" s="23"/>
      <c r="C1856" t="s">
        <v>907</v>
      </c>
      <c r="D1856" s="23" t="s">
        <v>2241</v>
      </c>
      <c r="E1856" s="1" t="str">
        <f t="shared" ref="E1856" si="408" xml:space="preserve"> HYPERLINK(CONCATENATE("http://www.sap.com/community/tag.html?id=",$F1856))</f>
        <v>http://www.sap.com/community/tag.html?id=01200314690800001458</v>
      </c>
      <c r="F1856" s="23" t="s">
        <v>4028</v>
      </c>
      <c r="G1856"/>
      <c r="H1856"/>
      <c r="I1856"/>
      <c r="J1856"/>
    </row>
    <row r="1857" spans="1:10" x14ac:dyDescent="0.25">
      <c r="A1857" s="7"/>
      <c r="B1857" t="s">
        <v>290</v>
      </c>
      <c r="C1857" s="23"/>
      <c r="D1857" s="7" t="s">
        <v>5032</v>
      </c>
      <c r="E1857" s="1"/>
      <c r="F1857" s="23" t="s">
        <v>4029</v>
      </c>
      <c r="G1857"/>
      <c r="H1857"/>
      <c r="I1857"/>
      <c r="J1857"/>
    </row>
    <row r="1858" spans="1:10" x14ac:dyDescent="0.25">
      <c r="A1858" s="7"/>
      <c r="B1858"/>
      <c r="C1858" s="23" t="s">
        <v>290</v>
      </c>
      <c r="D1858" s="23" t="s">
        <v>2241</v>
      </c>
      <c r="E1858" s="1" t="str">
        <f t="shared" ref="E1858:E1859" si="409" xml:space="preserve"> HYPERLINK(CONCATENATE("http://www.sap.com/community/tag.html?id=",$F1858))</f>
        <v>http://www.sap.com/community/tag.html?id=01200314690800000123</v>
      </c>
      <c r="F1858" s="23" t="s">
        <v>4030</v>
      </c>
      <c r="G1858"/>
      <c r="H1858"/>
      <c r="I1858"/>
      <c r="J1858"/>
    </row>
    <row r="1859" spans="1:10" x14ac:dyDescent="0.25">
      <c r="A1859" s="7"/>
      <c r="B1859"/>
      <c r="C1859" s="23" t="s">
        <v>1937</v>
      </c>
      <c r="D1859" s="23" t="s">
        <v>2241</v>
      </c>
      <c r="E1859" s="1" t="str">
        <f t="shared" si="409"/>
        <v>http://www.sap.com/community/tag.html?id=73555000100800000017</v>
      </c>
      <c r="F1859" s="23" t="s">
        <v>4031</v>
      </c>
      <c r="G1859"/>
      <c r="H1859"/>
      <c r="I1859"/>
      <c r="J1859"/>
    </row>
    <row r="1860" spans="1:10" x14ac:dyDescent="0.25">
      <c r="A1860" s="7"/>
      <c r="B1860" s="23" t="s">
        <v>267</v>
      </c>
      <c r="C1860"/>
      <c r="D1860" s="7" t="s">
        <v>5032</v>
      </c>
      <c r="E1860" s="1"/>
      <c r="F1860" s="23" t="s">
        <v>4032</v>
      </c>
      <c r="G1860"/>
      <c r="H1860"/>
      <c r="I1860"/>
      <c r="J1860"/>
    </row>
    <row r="1861" spans="1:10" x14ac:dyDescent="0.25">
      <c r="A1861" s="7"/>
      <c r="B1861"/>
      <c r="C1861" s="23" t="s">
        <v>267</v>
      </c>
      <c r="D1861" s="23" t="s">
        <v>2241</v>
      </c>
      <c r="E1861" s="1" t="str">
        <f t="shared" ref="E1861:E1862" si="410" xml:space="preserve"> HYPERLINK(CONCATENATE("http://www.sap.com/community/tag.html?id=",$F1861))</f>
        <v>http://www.sap.com/community/tag.html?id=01200314690800002477</v>
      </c>
      <c r="F1861" s="23" t="s">
        <v>4033</v>
      </c>
      <c r="G1861"/>
      <c r="H1861"/>
      <c r="I1861"/>
      <c r="J1861"/>
    </row>
    <row r="1862" spans="1:10" x14ac:dyDescent="0.25">
      <c r="A1862" s="7"/>
      <c r="B1862" s="23"/>
      <c r="C1862" t="s">
        <v>1128</v>
      </c>
      <c r="D1862" s="23" t="s">
        <v>2241</v>
      </c>
      <c r="E1862" s="1" t="str">
        <f t="shared" si="410"/>
        <v>http://www.sap.com/community/tag.html?id=73554900100800000364</v>
      </c>
      <c r="F1862" s="23" t="s">
        <v>4034</v>
      </c>
      <c r="G1862"/>
      <c r="H1862"/>
      <c r="I1862"/>
      <c r="J1862"/>
    </row>
    <row r="1863" spans="1:10" x14ac:dyDescent="0.25">
      <c r="A1863" s="7"/>
      <c r="B1863" t="s">
        <v>1280</v>
      </c>
      <c r="C1863" s="23"/>
      <c r="D1863" s="7" t="s">
        <v>5032</v>
      </c>
      <c r="E1863" s="1"/>
      <c r="F1863" s="23" t="s">
        <v>4035</v>
      </c>
      <c r="G1863"/>
      <c r="H1863"/>
      <c r="I1863"/>
      <c r="J1863"/>
    </row>
    <row r="1864" spans="1:10" x14ac:dyDescent="0.25">
      <c r="A1864" s="7"/>
      <c r="B1864" s="23"/>
      <c r="C1864" t="s">
        <v>850</v>
      </c>
      <c r="D1864" s="23" t="s">
        <v>2241</v>
      </c>
      <c r="E1864" s="1" t="str">
        <f t="shared" ref="E1864:E1865" si="411" xml:space="preserve"> HYPERLINK(CONCATENATE("http://www.sap.com/community/tag.html?id=",$F1864))</f>
        <v>http://www.sap.com/community/tag.html?id=01200314690800001255</v>
      </c>
      <c r="F1864" s="23" t="s">
        <v>4036</v>
      </c>
      <c r="G1864"/>
      <c r="H1864"/>
      <c r="I1864"/>
      <c r="J1864"/>
    </row>
    <row r="1865" spans="1:10" x14ac:dyDescent="0.25">
      <c r="A1865" s="7"/>
      <c r="B1865"/>
      <c r="C1865" s="23" t="s">
        <v>863</v>
      </c>
      <c r="D1865" s="23" t="s">
        <v>2241</v>
      </c>
      <c r="E1865" s="1" t="str">
        <f t="shared" si="411"/>
        <v>http://www.sap.com/community/tag.html?id=67838200100800006890</v>
      </c>
      <c r="F1865" s="23" t="s">
        <v>4037</v>
      </c>
      <c r="G1865"/>
      <c r="H1865"/>
      <c r="I1865"/>
      <c r="J1865"/>
    </row>
    <row r="1866" spans="1:10" x14ac:dyDescent="0.25">
      <c r="A1866" s="7"/>
      <c r="B1866" t="s">
        <v>974</v>
      </c>
      <c r="C1866" s="23"/>
      <c r="D1866" s="7" t="s">
        <v>5032</v>
      </c>
      <c r="E1866" s="1"/>
      <c r="F1866" s="23" t="s">
        <v>4038</v>
      </c>
      <c r="G1866"/>
      <c r="H1866"/>
      <c r="I1866"/>
      <c r="J1866"/>
    </row>
    <row r="1867" spans="1:10" x14ac:dyDescent="0.25">
      <c r="A1867" s="7"/>
      <c r="B1867" s="23"/>
      <c r="C1867" t="s">
        <v>974</v>
      </c>
      <c r="D1867" s="23" t="s">
        <v>2241</v>
      </c>
      <c r="E1867" s="1" t="str">
        <f t="shared" ref="E1867:E1869" si="412" xml:space="preserve"> HYPERLINK(CONCATENATE("http://www.sap.com/community/tag.html?id=",$F1867))</f>
        <v>http://www.sap.com/community/tag.html?id=67837800100800005583</v>
      </c>
      <c r="F1867" s="23" t="s">
        <v>4039</v>
      </c>
      <c r="G1867"/>
      <c r="H1867"/>
      <c r="I1867"/>
      <c r="J1867"/>
    </row>
    <row r="1868" spans="1:10" x14ac:dyDescent="0.25">
      <c r="A1868" s="7"/>
      <c r="B1868"/>
      <c r="C1868" s="23" t="s">
        <v>1859</v>
      </c>
      <c r="D1868" s="23" t="s">
        <v>2241</v>
      </c>
      <c r="E1868" s="1" t="str">
        <f t="shared" si="412"/>
        <v>http://www.sap.com/community/tag.html?id=67837800100800005833</v>
      </c>
      <c r="F1868" s="23" t="s">
        <v>4040</v>
      </c>
      <c r="G1868"/>
      <c r="H1868"/>
      <c r="I1868"/>
      <c r="J1868"/>
    </row>
    <row r="1869" spans="1:10" x14ac:dyDescent="0.25">
      <c r="A1869" s="7"/>
      <c r="B1869" s="23"/>
      <c r="C1869" t="s">
        <v>1279</v>
      </c>
      <c r="D1869" s="23" t="s">
        <v>2241</v>
      </c>
      <c r="E1869" s="1" t="str">
        <f t="shared" si="412"/>
        <v>http://www.sap.com/community/tag.html?id=73554900100800000315</v>
      </c>
      <c r="F1869" s="23" t="s">
        <v>4041</v>
      </c>
      <c r="G1869"/>
      <c r="H1869"/>
      <c r="I1869"/>
      <c r="J1869"/>
    </row>
    <row r="1870" spans="1:10" x14ac:dyDescent="0.25">
      <c r="A1870" s="7"/>
      <c r="B1870" t="s">
        <v>1006</v>
      </c>
      <c r="C1870" s="23"/>
      <c r="D1870" s="7" t="s">
        <v>5032</v>
      </c>
      <c r="E1870" s="1"/>
      <c r="F1870" s="23" t="s">
        <v>4042</v>
      </c>
      <c r="G1870"/>
      <c r="H1870"/>
      <c r="I1870"/>
      <c r="J1870"/>
    </row>
    <row r="1871" spans="1:10" x14ac:dyDescent="0.25">
      <c r="A1871" s="7"/>
      <c r="B1871"/>
      <c r="C1871" s="23" t="s">
        <v>1793</v>
      </c>
      <c r="D1871" s="23" t="s">
        <v>2241</v>
      </c>
      <c r="E1871" s="1" t="str">
        <f t="shared" ref="E1871" si="413" xml:space="preserve"> HYPERLINK(CONCATENATE("http://www.sap.com/community/tag.html?id=",$F1871))</f>
        <v>http://www.sap.com/community/tag.html?id=67838200100800005664</v>
      </c>
      <c r="F1871" s="23" t="s">
        <v>4043</v>
      </c>
      <c r="G1871"/>
      <c r="H1871"/>
      <c r="I1871"/>
      <c r="J1871"/>
    </row>
    <row r="1872" spans="1:10" x14ac:dyDescent="0.25">
      <c r="A1872" s="7"/>
      <c r="B1872" t="s">
        <v>5390</v>
      </c>
      <c r="C1872" s="23"/>
      <c r="D1872" s="7" t="s">
        <v>5032</v>
      </c>
      <c r="E1872" s="1"/>
      <c r="F1872" s="23" t="s">
        <v>5358</v>
      </c>
      <c r="G1872"/>
      <c r="H1872"/>
      <c r="I1872"/>
      <c r="J1872"/>
    </row>
    <row r="1873" spans="1:10" x14ac:dyDescent="0.25">
      <c r="A1873" s="7"/>
      <c r="B1873" s="23"/>
      <c r="C1873" t="s">
        <v>5390</v>
      </c>
      <c r="D1873" s="23" t="s">
        <v>2241</v>
      </c>
      <c r="E1873" s="1" t="str">
        <f t="shared" ref="E1873" si="414" xml:space="preserve"> HYPERLINK(CONCATENATE("http://www.sap.com/community/tag.html?id=",$F1873))</f>
        <v>http://www.sap.com/community/tag.html?id=73554900100800000713</v>
      </c>
      <c r="F1873" s="23" t="s">
        <v>5359</v>
      </c>
      <c r="G1873"/>
      <c r="H1873"/>
      <c r="I1873"/>
      <c r="J1873"/>
    </row>
    <row r="1874" spans="1:10" x14ac:dyDescent="0.25">
      <c r="A1874" s="7"/>
      <c r="B1874" t="s">
        <v>1878</v>
      </c>
      <c r="C1874" s="23"/>
      <c r="D1874" s="7" t="s">
        <v>5032</v>
      </c>
      <c r="E1874" s="1"/>
      <c r="F1874" s="23" t="s">
        <v>4044</v>
      </c>
      <c r="G1874"/>
      <c r="H1874"/>
      <c r="I1874"/>
      <c r="J1874"/>
    </row>
    <row r="1875" spans="1:10" x14ac:dyDescent="0.25">
      <c r="A1875" s="7"/>
      <c r="B1875" s="23"/>
      <c r="C1875" t="s">
        <v>1878</v>
      </c>
      <c r="D1875" s="23" t="s">
        <v>2241</v>
      </c>
      <c r="E1875" s="1" t="str">
        <f t="shared" ref="E1875:E1876" si="415" xml:space="preserve"> HYPERLINK(CONCATENATE("http://www.sap.com/community/tag.html?id=",$F1875))</f>
        <v>http://www.sap.com/community/tag.html?id=01200615320800000586</v>
      </c>
      <c r="F1875" s="23" t="s">
        <v>4045</v>
      </c>
      <c r="G1875"/>
      <c r="H1875"/>
      <c r="I1875"/>
      <c r="J1875"/>
    </row>
    <row r="1876" spans="1:10" x14ac:dyDescent="0.25">
      <c r="A1876" s="7"/>
      <c r="B1876"/>
      <c r="C1876" s="23" t="s">
        <v>207</v>
      </c>
      <c r="D1876" s="23" t="s">
        <v>2241</v>
      </c>
      <c r="E1876" s="1" t="str">
        <f t="shared" si="415"/>
        <v>http://www.sap.com/community/tag.html?id=01200314690800003384</v>
      </c>
      <c r="F1876" s="23" t="s">
        <v>4046</v>
      </c>
      <c r="G1876"/>
      <c r="H1876"/>
      <c r="I1876"/>
      <c r="J1876"/>
    </row>
    <row r="1877" spans="1:10" x14ac:dyDescent="0.25">
      <c r="A1877" s="7"/>
      <c r="B1877" s="23" t="s">
        <v>2198</v>
      </c>
      <c r="C1877"/>
      <c r="D1877" s="7" t="s">
        <v>5032</v>
      </c>
      <c r="E1877" s="1"/>
      <c r="F1877" s="23" t="s">
        <v>4047</v>
      </c>
      <c r="G1877"/>
      <c r="H1877"/>
      <c r="I1877"/>
      <c r="J1877"/>
    </row>
    <row r="1878" spans="1:10" x14ac:dyDescent="0.25">
      <c r="A1878" s="7"/>
      <c r="B1878"/>
      <c r="C1878" s="23" t="s">
        <v>2198</v>
      </c>
      <c r="D1878" s="23" t="s">
        <v>2241</v>
      </c>
      <c r="E1878" s="1" t="str">
        <f t="shared" ref="E1878" si="416" xml:space="preserve"> HYPERLINK(CONCATENATE("http://www.sap.com/community/tag.html?id=",$F1878))</f>
        <v>http://www.sap.com/community/tag.html?id=67838200100800006367</v>
      </c>
      <c r="F1878" s="23" t="s">
        <v>4048</v>
      </c>
      <c r="G1878"/>
      <c r="H1878"/>
      <c r="I1878"/>
      <c r="J1878"/>
    </row>
    <row r="1879" spans="1:10" x14ac:dyDescent="0.25">
      <c r="A1879" s="7"/>
      <c r="B1879" s="23" t="s">
        <v>1083</v>
      </c>
      <c r="C1879"/>
      <c r="D1879" s="7" t="s">
        <v>5032</v>
      </c>
      <c r="E1879" s="1"/>
      <c r="F1879" s="23" t="s">
        <v>4049</v>
      </c>
      <c r="G1879"/>
      <c r="H1879"/>
      <c r="I1879"/>
      <c r="J1879"/>
    </row>
    <row r="1880" spans="1:10" x14ac:dyDescent="0.25">
      <c r="A1880" s="7"/>
      <c r="B1880"/>
      <c r="C1880" s="23" t="s">
        <v>1083</v>
      </c>
      <c r="D1880" s="23" t="s">
        <v>2241</v>
      </c>
      <c r="E1880" s="1" t="str">
        <f t="shared" ref="E1880:E1882" si="417" xml:space="preserve"> HYPERLINK(CONCATENATE("http://www.sap.com/community/tag.html?id=",$F1880))</f>
        <v>http://www.sap.com/community/tag.html?id=01200615320800002752</v>
      </c>
      <c r="F1880" s="23" t="s">
        <v>4050</v>
      </c>
      <c r="G1880"/>
      <c r="H1880"/>
      <c r="I1880"/>
      <c r="J1880"/>
    </row>
    <row r="1881" spans="1:10" x14ac:dyDescent="0.25">
      <c r="A1881" s="7"/>
      <c r="B1881" s="23"/>
      <c r="C1881" t="s">
        <v>1408</v>
      </c>
      <c r="D1881" s="23" t="s">
        <v>2241</v>
      </c>
      <c r="E1881" s="1" t="str">
        <f t="shared" si="417"/>
        <v>http://www.sap.com/community/tag.html?id=67838200100800003954</v>
      </c>
      <c r="F1881" s="23" t="s">
        <v>4051</v>
      </c>
      <c r="G1881"/>
      <c r="H1881"/>
      <c r="I1881"/>
      <c r="J1881"/>
    </row>
    <row r="1882" spans="1:10" x14ac:dyDescent="0.25">
      <c r="A1882" s="7"/>
      <c r="B1882"/>
      <c r="C1882" s="23" t="s">
        <v>1681</v>
      </c>
      <c r="D1882" s="23" t="s">
        <v>2241</v>
      </c>
      <c r="E1882" s="1" t="str">
        <f t="shared" si="417"/>
        <v>http://www.sap.com/community/tag.html?id=67838200100800003955</v>
      </c>
      <c r="F1882" s="23" t="s">
        <v>4052</v>
      </c>
      <c r="G1882"/>
      <c r="H1882"/>
      <c r="I1882"/>
      <c r="J1882"/>
    </row>
    <row r="1883" spans="1:10" x14ac:dyDescent="0.25">
      <c r="A1883" s="7"/>
      <c r="B1883" s="23" t="s">
        <v>2155</v>
      </c>
      <c r="C1883"/>
      <c r="D1883" s="7" t="s">
        <v>5032</v>
      </c>
      <c r="E1883" s="1"/>
      <c r="F1883" s="23" t="s">
        <v>4053</v>
      </c>
      <c r="G1883"/>
      <c r="H1883"/>
      <c r="I1883"/>
      <c r="J1883"/>
    </row>
    <row r="1884" spans="1:10" x14ac:dyDescent="0.25">
      <c r="A1884" s="7"/>
      <c r="B1884"/>
      <c r="C1884" s="23" t="s">
        <v>2155</v>
      </c>
      <c r="D1884" s="23" t="s">
        <v>2241</v>
      </c>
      <c r="E1884" s="1" t="str">
        <f t="shared" ref="E1884" si="418" xml:space="preserve"> HYPERLINK(CONCATENATE("http://www.sap.com/community/tag.html?id=",$F1884))</f>
        <v>http://www.sap.com/community/tag.html?id=01200314690800000137</v>
      </c>
      <c r="F1884" s="23" t="s">
        <v>4054</v>
      </c>
      <c r="G1884"/>
      <c r="H1884"/>
      <c r="I1884"/>
      <c r="J1884"/>
    </row>
    <row r="1885" spans="1:10" x14ac:dyDescent="0.25">
      <c r="A1885" s="7"/>
      <c r="B1885" t="s">
        <v>630</v>
      </c>
      <c r="C1885" s="23"/>
      <c r="D1885" s="7" t="s">
        <v>5032</v>
      </c>
      <c r="E1885" s="1"/>
      <c r="F1885" s="23" t="s">
        <v>4055</v>
      </c>
      <c r="G1885"/>
      <c r="H1885"/>
      <c r="I1885"/>
      <c r="J1885"/>
    </row>
    <row r="1886" spans="1:10" x14ac:dyDescent="0.25">
      <c r="A1886" s="7"/>
      <c r="B1886"/>
      <c r="C1886" s="23" t="s">
        <v>630</v>
      </c>
      <c r="D1886" s="23" t="s">
        <v>2241</v>
      </c>
      <c r="E1886" s="1" t="str">
        <f t="shared" ref="E1886" si="419" xml:space="preserve"> HYPERLINK(CONCATENATE("http://www.sap.com/community/tag.html?id=",$F1886))</f>
        <v>http://www.sap.com/community/tag.html?id=73555000100800000083</v>
      </c>
      <c r="F1886" s="23" t="s">
        <v>4056</v>
      </c>
      <c r="G1886"/>
      <c r="H1886"/>
      <c r="I1886"/>
      <c r="J1886"/>
    </row>
    <row r="1887" spans="1:10" x14ac:dyDescent="0.25">
      <c r="A1887" s="7"/>
      <c r="B1887" t="s">
        <v>924</v>
      </c>
      <c r="C1887" s="23"/>
      <c r="D1887" s="7" t="s">
        <v>5032</v>
      </c>
      <c r="E1887" s="1"/>
      <c r="F1887" s="23" t="s">
        <v>4057</v>
      </c>
      <c r="G1887"/>
      <c r="H1887"/>
      <c r="I1887"/>
      <c r="J1887"/>
    </row>
    <row r="1888" spans="1:10" x14ac:dyDescent="0.25">
      <c r="A1888" s="7"/>
      <c r="B1888"/>
      <c r="C1888" s="23" t="s">
        <v>924</v>
      </c>
      <c r="D1888" s="23" t="s">
        <v>2241</v>
      </c>
      <c r="E1888" s="1" t="str">
        <f t="shared" ref="E1888" si="420" xml:space="preserve"> HYPERLINK(CONCATENATE("http://www.sap.com/community/tag.html?id=",$F1888))</f>
        <v>http://www.sap.com/community/tag.html?id=01200615320800003602</v>
      </c>
      <c r="F1888" s="23" t="s">
        <v>4058</v>
      </c>
      <c r="G1888"/>
      <c r="H1888"/>
      <c r="I1888"/>
      <c r="J1888"/>
    </row>
    <row r="1889" spans="1:10" x14ac:dyDescent="0.25">
      <c r="A1889" s="7"/>
      <c r="B1889" t="s">
        <v>431</v>
      </c>
      <c r="C1889" s="23"/>
      <c r="D1889" s="7" t="s">
        <v>5032</v>
      </c>
      <c r="E1889" s="1"/>
      <c r="F1889" s="23" t="s">
        <v>4059</v>
      </c>
      <c r="G1889"/>
      <c r="H1889"/>
      <c r="I1889"/>
      <c r="J1889"/>
    </row>
    <row r="1890" spans="1:10" x14ac:dyDescent="0.25">
      <c r="A1890" s="7"/>
      <c r="B1890"/>
      <c r="C1890" s="23" t="s">
        <v>431</v>
      </c>
      <c r="D1890" s="23" t="s">
        <v>2241</v>
      </c>
      <c r="E1890" s="1" t="str">
        <f t="shared" ref="E1890" si="421" xml:space="preserve"> HYPERLINK(CONCATENATE("http://www.sap.com/community/tag.html?id=",$F1890))</f>
        <v>http://www.sap.com/community/tag.html?id=01200615320800000610</v>
      </c>
      <c r="F1890" s="23" t="s">
        <v>4060</v>
      </c>
      <c r="G1890"/>
      <c r="H1890"/>
      <c r="I1890"/>
      <c r="J1890"/>
    </row>
    <row r="1891" spans="1:10" x14ac:dyDescent="0.25">
      <c r="A1891" s="7"/>
      <c r="B1891" t="s">
        <v>261</v>
      </c>
      <c r="C1891" s="23"/>
      <c r="D1891" s="7" t="s">
        <v>5032</v>
      </c>
      <c r="E1891" s="1"/>
      <c r="F1891" s="23" t="s">
        <v>4061</v>
      </c>
      <c r="G1891"/>
      <c r="H1891"/>
      <c r="I1891"/>
      <c r="J1891"/>
    </row>
    <row r="1892" spans="1:10" x14ac:dyDescent="0.25">
      <c r="A1892" s="7"/>
      <c r="B1892"/>
      <c r="C1892" s="23" t="s">
        <v>683</v>
      </c>
      <c r="D1892" s="23" t="s">
        <v>2241</v>
      </c>
      <c r="E1892" s="1" t="str">
        <f t="shared" ref="E1892" si="422" xml:space="preserve"> HYPERLINK(CONCATENATE("http://www.sap.com/community/tag.html?id=",$F1892))</f>
        <v>http://www.sap.com/community/tag.html?id=67838200100800006262</v>
      </c>
      <c r="F1892" s="23" t="s">
        <v>4062</v>
      </c>
      <c r="G1892"/>
      <c r="H1892"/>
      <c r="I1892"/>
      <c r="J1892"/>
    </row>
    <row r="1893" spans="1:10" x14ac:dyDescent="0.25">
      <c r="A1893" s="7"/>
      <c r="B1893" t="s">
        <v>1617</v>
      </c>
      <c r="C1893" s="23"/>
      <c r="D1893" s="7" t="s">
        <v>5032</v>
      </c>
      <c r="E1893" s="1"/>
      <c r="F1893" s="23" t="s">
        <v>4063</v>
      </c>
      <c r="G1893"/>
      <c r="H1893"/>
      <c r="I1893"/>
      <c r="J1893"/>
    </row>
    <row r="1894" spans="1:10" x14ac:dyDescent="0.25">
      <c r="A1894" s="7"/>
      <c r="B1894"/>
      <c r="C1894" s="23" t="s">
        <v>1758</v>
      </c>
      <c r="D1894" s="23" t="s">
        <v>2241</v>
      </c>
      <c r="E1894" s="1" t="str">
        <f t="shared" ref="E1894:E1918" si="423" xml:space="preserve"> HYPERLINK(CONCATENATE("http://www.sap.com/community/tag.html?id=",$F1894))</f>
        <v>http://www.sap.com/community/tag.html?id=73555000100800000039</v>
      </c>
      <c r="F1894" s="23" t="s">
        <v>4064</v>
      </c>
      <c r="G1894"/>
      <c r="H1894"/>
      <c r="I1894"/>
      <c r="J1894"/>
    </row>
    <row r="1895" spans="1:10" x14ac:dyDescent="0.25">
      <c r="A1895" s="7"/>
      <c r="B1895"/>
      <c r="C1895" s="23" t="s">
        <v>848</v>
      </c>
      <c r="D1895" s="23" t="s">
        <v>2241</v>
      </c>
      <c r="E1895" s="1" t="str">
        <f t="shared" si="423"/>
        <v>http://www.sap.com/community/tag.html?id=01200314690800001908</v>
      </c>
      <c r="F1895" s="23" t="s">
        <v>4065</v>
      </c>
      <c r="G1895"/>
      <c r="H1895"/>
      <c r="I1895"/>
      <c r="J1895"/>
    </row>
    <row r="1896" spans="1:10" x14ac:dyDescent="0.25">
      <c r="A1896" s="7"/>
      <c r="B1896"/>
      <c r="C1896" s="23" t="s">
        <v>353</v>
      </c>
      <c r="D1896" s="23" t="s">
        <v>2241</v>
      </c>
      <c r="E1896" s="1" t="str">
        <f t="shared" si="423"/>
        <v>http://www.sap.com/community/tag.html?id=01200314690800001866</v>
      </c>
      <c r="F1896" s="23" t="s">
        <v>4066</v>
      </c>
      <c r="G1896"/>
      <c r="H1896"/>
      <c r="I1896"/>
      <c r="J1896"/>
    </row>
    <row r="1897" spans="1:10" x14ac:dyDescent="0.25">
      <c r="A1897" s="7"/>
      <c r="B1897"/>
      <c r="C1897" s="23" t="s">
        <v>370</v>
      </c>
      <c r="D1897" s="23" t="s">
        <v>2241</v>
      </c>
      <c r="E1897" s="1" t="str">
        <f t="shared" si="423"/>
        <v>http://www.sap.com/community/tag.html?id=01200314690800001907</v>
      </c>
      <c r="F1897" s="23" t="s">
        <v>4067</v>
      </c>
      <c r="G1897"/>
      <c r="H1897"/>
      <c r="I1897"/>
      <c r="J1897"/>
    </row>
    <row r="1898" spans="1:10" x14ac:dyDescent="0.25">
      <c r="A1898" s="7"/>
      <c r="B1898"/>
      <c r="C1898" s="23" t="s">
        <v>381</v>
      </c>
      <c r="D1898" s="23" t="s">
        <v>2241</v>
      </c>
      <c r="E1898" s="1" t="str">
        <f t="shared" si="423"/>
        <v>http://www.sap.com/community/tag.html?id=01200314690800001858</v>
      </c>
      <c r="F1898" s="23" t="s">
        <v>4068</v>
      </c>
      <c r="G1898"/>
      <c r="H1898"/>
      <c r="I1898"/>
      <c r="J1898"/>
    </row>
    <row r="1899" spans="1:10" x14ac:dyDescent="0.25">
      <c r="A1899" s="7"/>
      <c r="B1899"/>
      <c r="C1899" s="23" t="s">
        <v>1021</v>
      </c>
      <c r="D1899" s="23" t="s">
        <v>2241</v>
      </c>
      <c r="E1899" s="1" t="str">
        <f t="shared" si="423"/>
        <v>http://www.sap.com/community/tag.html?id=73555000100800000040</v>
      </c>
      <c r="F1899" s="23" t="s">
        <v>4069</v>
      </c>
      <c r="G1899"/>
      <c r="H1899"/>
      <c r="I1899"/>
      <c r="J1899"/>
    </row>
    <row r="1900" spans="1:10" x14ac:dyDescent="0.25">
      <c r="A1900" s="7"/>
      <c r="B1900"/>
      <c r="C1900" s="23" t="s">
        <v>1688</v>
      </c>
      <c r="D1900" s="23" t="s">
        <v>2241</v>
      </c>
      <c r="E1900" s="1" t="str">
        <f t="shared" si="423"/>
        <v>http://www.sap.com/community/tag.html?id=01200314690800001909</v>
      </c>
      <c r="F1900" s="23" t="s">
        <v>4070</v>
      </c>
      <c r="G1900"/>
      <c r="H1900"/>
      <c r="I1900"/>
      <c r="J1900"/>
    </row>
    <row r="1901" spans="1:10" x14ac:dyDescent="0.25">
      <c r="A1901" s="7"/>
      <c r="B1901"/>
      <c r="C1901" s="23" t="s">
        <v>1984</v>
      </c>
      <c r="D1901" s="23" t="s">
        <v>2241</v>
      </c>
      <c r="E1901" s="1" t="str">
        <f t="shared" si="423"/>
        <v>http://www.sap.com/community/tag.html?id=01200314690800001911</v>
      </c>
      <c r="F1901" s="23" t="s">
        <v>4071</v>
      </c>
      <c r="G1901"/>
      <c r="H1901"/>
      <c r="I1901"/>
      <c r="J1901"/>
    </row>
    <row r="1902" spans="1:10" x14ac:dyDescent="0.25">
      <c r="A1902" s="7"/>
      <c r="B1902"/>
      <c r="C1902" s="23" t="s">
        <v>1912</v>
      </c>
      <c r="D1902" s="23" t="s">
        <v>2241</v>
      </c>
      <c r="E1902" s="1" t="str">
        <f t="shared" si="423"/>
        <v>http://www.sap.com/community/tag.html?id=01200314690800001910</v>
      </c>
      <c r="F1902" s="23" t="s">
        <v>4072</v>
      </c>
      <c r="G1902"/>
      <c r="H1902"/>
      <c r="I1902"/>
      <c r="J1902"/>
    </row>
    <row r="1903" spans="1:10" x14ac:dyDescent="0.25">
      <c r="A1903" s="7"/>
      <c r="B1903"/>
      <c r="C1903" s="23" t="s">
        <v>1247</v>
      </c>
      <c r="D1903" s="23" t="s">
        <v>2241</v>
      </c>
      <c r="E1903" s="1" t="str">
        <f t="shared" si="423"/>
        <v>http://www.sap.com/community/tag.html?id=01200314690800001913</v>
      </c>
      <c r="F1903" s="23" t="s">
        <v>4073</v>
      </c>
      <c r="G1903"/>
      <c r="H1903"/>
      <c r="I1903"/>
      <c r="J1903"/>
    </row>
    <row r="1904" spans="1:10" x14ac:dyDescent="0.25">
      <c r="A1904" s="7"/>
      <c r="B1904"/>
      <c r="C1904" s="23" t="s">
        <v>1648</v>
      </c>
      <c r="D1904" s="23" t="s">
        <v>2241</v>
      </c>
      <c r="E1904" s="1" t="str">
        <f t="shared" si="423"/>
        <v>http://www.sap.com/community/tag.html?id=01200314690800001912</v>
      </c>
      <c r="F1904" s="23" t="s">
        <v>4074</v>
      </c>
      <c r="G1904"/>
      <c r="H1904"/>
      <c r="I1904"/>
      <c r="J1904"/>
    </row>
    <row r="1905" spans="1:10" x14ac:dyDescent="0.25">
      <c r="A1905" s="7"/>
      <c r="B1905"/>
      <c r="C1905" s="23" t="s">
        <v>986</v>
      </c>
      <c r="D1905" s="23" t="s">
        <v>2241</v>
      </c>
      <c r="E1905" s="1" t="str">
        <f t="shared" si="423"/>
        <v>http://www.sap.com/community/tag.html?id=01200314690800001918</v>
      </c>
      <c r="F1905" s="23" t="s">
        <v>4075</v>
      </c>
      <c r="G1905"/>
      <c r="H1905"/>
      <c r="I1905"/>
      <c r="J1905"/>
    </row>
    <row r="1906" spans="1:10" x14ac:dyDescent="0.25">
      <c r="A1906" s="7"/>
      <c r="B1906"/>
      <c r="C1906" s="23" t="s">
        <v>106</v>
      </c>
      <c r="D1906" s="23" t="s">
        <v>2241</v>
      </c>
      <c r="E1906" s="1" t="str">
        <f t="shared" si="423"/>
        <v>http://www.sap.com/community/tag.html?id=01200314690800001862</v>
      </c>
      <c r="F1906" s="23" t="s">
        <v>4076</v>
      </c>
      <c r="G1906"/>
      <c r="H1906"/>
      <c r="I1906"/>
      <c r="J1906"/>
    </row>
    <row r="1907" spans="1:10" x14ac:dyDescent="0.25">
      <c r="A1907" s="7"/>
      <c r="B1907"/>
      <c r="C1907" s="23" t="s">
        <v>1566</v>
      </c>
      <c r="D1907" s="23" t="s">
        <v>2241</v>
      </c>
      <c r="E1907" s="1" t="str">
        <f t="shared" si="423"/>
        <v>http://www.sap.com/community/tag.html?id=01200314690800001917</v>
      </c>
      <c r="F1907" s="23" t="s">
        <v>4077</v>
      </c>
      <c r="G1907"/>
      <c r="H1907"/>
      <c r="I1907"/>
      <c r="J1907"/>
    </row>
    <row r="1908" spans="1:10" x14ac:dyDescent="0.25">
      <c r="A1908" s="7"/>
      <c r="B1908"/>
      <c r="C1908" s="23" t="s">
        <v>2195</v>
      </c>
      <c r="D1908" s="23" t="s">
        <v>2241</v>
      </c>
      <c r="E1908" s="1" t="str">
        <f t="shared" si="423"/>
        <v>http://www.sap.com/community/tag.html?id=01200314690800001860</v>
      </c>
      <c r="F1908" s="23" t="s">
        <v>4078</v>
      </c>
      <c r="G1908"/>
      <c r="H1908"/>
      <c r="I1908"/>
      <c r="J1908"/>
    </row>
    <row r="1909" spans="1:10" x14ac:dyDescent="0.25">
      <c r="A1909" s="7"/>
      <c r="B1909" s="23"/>
      <c r="C1909" t="s">
        <v>1748</v>
      </c>
      <c r="D1909" s="23" t="s">
        <v>2241</v>
      </c>
      <c r="E1909" s="1" t="str">
        <f t="shared" si="423"/>
        <v>http://www.sap.com/community/tag.html?id=01200314690800001864</v>
      </c>
      <c r="F1909" s="23" t="s">
        <v>4079</v>
      </c>
      <c r="G1909"/>
      <c r="H1909"/>
      <c r="I1909"/>
      <c r="J1909"/>
    </row>
    <row r="1910" spans="1:10" x14ac:dyDescent="0.25">
      <c r="A1910" s="7"/>
      <c r="B1910"/>
      <c r="C1910" s="23" t="s">
        <v>1054</v>
      </c>
      <c r="D1910" s="23" t="s">
        <v>2241</v>
      </c>
      <c r="E1910" s="1" t="str">
        <f t="shared" si="423"/>
        <v>http://www.sap.com/community/tag.html?id=01200314690800001863</v>
      </c>
      <c r="F1910" s="23" t="s">
        <v>4080</v>
      </c>
      <c r="G1910"/>
      <c r="H1910"/>
      <c r="I1910"/>
      <c r="J1910"/>
    </row>
    <row r="1911" spans="1:10" x14ac:dyDescent="0.25">
      <c r="A1911" s="7"/>
      <c r="B1911" s="23"/>
      <c r="C1911" t="s">
        <v>187</v>
      </c>
      <c r="D1911" s="23" t="s">
        <v>2241</v>
      </c>
      <c r="E1911" s="1" t="str">
        <f t="shared" si="423"/>
        <v>http://www.sap.com/community/tag.html?id=01200314690800001859</v>
      </c>
      <c r="F1911" s="23" t="s">
        <v>4081</v>
      </c>
      <c r="G1911"/>
      <c r="H1911"/>
      <c r="I1911"/>
      <c r="J1911"/>
    </row>
    <row r="1912" spans="1:10" x14ac:dyDescent="0.25">
      <c r="A1912" s="7"/>
      <c r="B1912"/>
      <c r="C1912" s="23" t="s">
        <v>852</v>
      </c>
      <c r="D1912" s="23" t="s">
        <v>2241</v>
      </c>
      <c r="E1912" s="1" t="str">
        <f t="shared" si="423"/>
        <v>http://www.sap.com/community/tag.html?id=01200314690800001861</v>
      </c>
      <c r="F1912" s="23" t="s">
        <v>4082</v>
      </c>
      <c r="G1912"/>
      <c r="H1912"/>
      <c r="I1912"/>
      <c r="J1912"/>
    </row>
    <row r="1913" spans="1:10" x14ac:dyDescent="0.25">
      <c r="A1913" s="7"/>
      <c r="B1913"/>
      <c r="C1913" s="23" t="s">
        <v>1033</v>
      </c>
      <c r="D1913" s="23" t="s">
        <v>2241</v>
      </c>
      <c r="E1913" s="1" t="str">
        <f t="shared" si="423"/>
        <v>http://www.sap.com/community/tag.html?id=01200314690800001865</v>
      </c>
      <c r="F1913" s="23" t="s">
        <v>4083</v>
      </c>
      <c r="G1913"/>
      <c r="H1913"/>
      <c r="I1913"/>
      <c r="J1913"/>
    </row>
    <row r="1914" spans="1:10" x14ac:dyDescent="0.25">
      <c r="A1914" s="7"/>
      <c r="B1914"/>
      <c r="C1914" s="23" t="s">
        <v>2180</v>
      </c>
      <c r="D1914" s="23" t="s">
        <v>2241</v>
      </c>
      <c r="E1914" s="1" t="str">
        <f t="shared" si="423"/>
        <v>http://www.sap.com/community/tag.html?id=73555000100800000101</v>
      </c>
      <c r="F1914" s="23" t="s">
        <v>4084</v>
      </c>
      <c r="G1914"/>
      <c r="H1914"/>
      <c r="I1914"/>
      <c r="J1914"/>
    </row>
    <row r="1915" spans="1:10" x14ac:dyDescent="0.25">
      <c r="A1915" s="7"/>
      <c r="B1915" s="23"/>
      <c r="C1915" t="s">
        <v>968</v>
      </c>
      <c r="D1915" s="23" t="s">
        <v>2241</v>
      </c>
      <c r="E1915" s="1" t="str">
        <f t="shared" si="423"/>
        <v>http://www.sap.com/community/tag.html?id=01200314690800001916</v>
      </c>
      <c r="F1915" s="23" t="s">
        <v>4085</v>
      </c>
      <c r="G1915"/>
      <c r="H1915"/>
      <c r="I1915"/>
      <c r="J1915"/>
    </row>
    <row r="1916" spans="1:10" x14ac:dyDescent="0.25">
      <c r="A1916" s="7"/>
      <c r="B1916"/>
      <c r="C1916" s="23" t="s">
        <v>1511</v>
      </c>
      <c r="D1916" s="23" t="s">
        <v>2241</v>
      </c>
      <c r="E1916" s="1" t="str">
        <f t="shared" si="423"/>
        <v>http://www.sap.com/community/tag.html?id=01200314690800001914</v>
      </c>
      <c r="F1916" s="23" t="s">
        <v>4086</v>
      </c>
      <c r="G1916"/>
      <c r="H1916"/>
      <c r="I1916"/>
      <c r="J1916"/>
    </row>
    <row r="1917" spans="1:10" x14ac:dyDescent="0.25">
      <c r="A1917" s="7"/>
      <c r="B1917" s="23"/>
      <c r="C1917" t="s">
        <v>731</v>
      </c>
      <c r="D1917" s="23" t="s">
        <v>2241</v>
      </c>
      <c r="E1917" s="1" t="str">
        <f t="shared" si="423"/>
        <v>http://www.sap.com/community/tag.html?id=01200314690800001915</v>
      </c>
      <c r="F1917" s="23" t="s">
        <v>4087</v>
      </c>
      <c r="G1917"/>
      <c r="H1917"/>
      <c r="I1917"/>
      <c r="J1917"/>
    </row>
    <row r="1918" spans="1:10" x14ac:dyDescent="0.25">
      <c r="A1918" s="7"/>
      <c r="B1918"/>
      <c r="C1918" s="23" t="s">
        <v>80</v>
      </c>
      <c r="D1918" s="23" t="s">
        <v>2241</v>
      </c>
      <c r="E1918" s="1" t="str">
        <f t="shared" si="423"/>
        <v>http://www.sap.com/community/tag.html?id=67838200100800005397</v>
      </c>
      <c r="F1918" s="23" t="s">
        <v>4088</v>
      </c>
      <c r="G1918"/>
      <c r="H1918"/>
      <c r="I1918"/>
      <c r="J1918"/>
    </row>
    <row r="1919" spans="1:10" x14ac:dyDescent="0.25">
      <c r="A1919" s="7"/>
      <c r="B1919" s="23" t="s">
        <v>887</v>
      </c>
      <c r="C1919"/>
      <c r="D1919" s="7" t="s">
        <v>5032</v>
      </c>
      <c r="E1919" s="1"/>
      <c r="F1919" s="23" t="s">
        <v>4089</v>
      </c>
      <c r="G1919"/>
      <c r="H1919"/>
      <c r="I1919"/>
      <c r="J1919"/>
    </row>
    <row r="1920" spans="1:10" x14ac:dyDescent="0.25">
      <c r="A1920" s="7"/>
      <c r="B1920"/>
      <c r="C1920" s="23" t="s">
        <v>887</v>
      </c>
      <c r="D1920" s="23" t="s">
        <v>2241</v>
      </c>
      <c r="E1920" s="1" t="str">
        <f t="shared" ref="E1920" si="424" xml:space="preserve"> HYPERLINK(CONCATENATE("http://www.sap.com/community/tag.html?id=",$F1920))</f>
        <v>http://www.sap.com/community/tag.html?id=67837800100800006429</v>
      </c>
      <c r="F1920" s="23" t="s">
        <v>4090</v>
      </c>
      <c r="G1920"/>
      <c r="H1920"/>
      <c r="I1920"/>
      <c r="J1920"/>
    </row>
    <row r="1921" spans="1:10" x14ac:dyDescent="0.25">
      <c r="A1921" s="7"/>
      <c r="B1921" t="s">
        <v>1367</v>
      </c>
      <c r="C1921" s="23"/>
      <c r="D1921" s="7" t="s">
        <v>5032</v>
      </c>
      <c r="E1921" s="1"/>
      <c r="F1921" s="23" t="s">
        <v>4091</v>
      </c>
      <c r="G1921"/>
      <c r="H1921"/>
      <c r="I1921"/>
      <c r="J1921"/>
    </row>
    <row r="1922" spans="1:10" x14ac:dyDescent="0.25">
      <c r="A1922" s="7"/>
      <c r="B1922"/>
      <c r="C1922" s="23" t="s">
        <v>1367</v>
      </c>
      <c r="D1922" s="23" t="s">
        <v>2241</v>
      </c>
      <c r="E1922" s="1" t="str">
        <f t="shared" ref="E1922:E1924" si="425" xml:space="preserve"> HYPERLINK(CONCATENATE("http://www.sap.com/community/tag.html?id=",$F1922))</f>
        <v>http://www.sap.com/community/tag.html?id=67837800100800004492</v>
      </c>
      <c r="F1922" s="23" t="s">
        <v>4092</v>
      </c>
      <c r="G1922"/>
      <c r="H1922"/>
      <c r="I1922"/>
      <c r="J1922"/>
    </row>
    <row r="1923" spans="1:10" x14ac:dyDescent="0.25">
      <c r="A1923" s="7"/>
      <c r="B1923"/>
      <c r="C1923" s="23" t="s">
        <v>194</v>
      </c>
      <c r="D1923" s="23" t="s">
        <v>2241</v>
      </c>
      <c r="E1923" s="1" t="str">
        <f t="shared" si="425"/>
        <v>http://www.sap.com/community/tag.html?id=67837800100800004883</v>
      </c>
      <c r="F1923" s="23" t="s">
        <v>4093</v>
      </c>
      <c r="G1923"/>
      <c r="H1923"/>
      <c r="I1923"/>
      <c r="J1923"/>
    </row>
    <row r="1924" spans="1:10" x14ac:dyDescent="0.25">
      <c r="A1924" s="7"/>
      <c r="B1924"/>
      <c r="C1924" s="23" t="s">
        <v>2106</v>
      </c>
      <c r="D1924" s="23" t="s">
        <v>2241</v>
      </c>
      <c r="E1924" s="1" t="str">
        <f t="shared" si="425"/>
        <v>http://www.sap.com/community/tag.html?id=67837800100800006722</v>
      </c>
      <c r="F1924" s="23" t="s">
        <v>4094</v>
      </c>
      <c r="G1924"/>
      <c r="H1924"/>
      <c r="I1924"/>
      <c r="J1924"/>
    </row>
    <row r="1925" spans="1:10" x14ac:dyDescent="0.25">
      <c r="A1925" s="7"/>
      <c r="B1925" t="s">
        <v>236</v>
      </c>
      <c r="C1925" s="23"/>
      <c r="D1925" s="7" t="s">
        <v>5032</v>
      </c>
      <c r="E1925" s="1"/>
      <c r="F1925" s="23" t="s">
        <v>4095</v>
      </c>
      <c r="G1925"/>
      <c r="H1925"/>
      <c r="I1925"/>
      <c r="J1925"/>
    </row>
    <row r="1926" spans="1:10" x14ac:dyDescent="0.25">
      <c r="A1926" s="7"/>
      <c r="B1926"/>
      <c r="C1926" s="23" t="s">
        <v>1666</v>
      </c>
      <c r="D1926" s="23" t="s">
        <v>2241</v>
      </c>
      <c r="E1926" s="1" t="str">
        <f t="shared" ref="E1926" si="426" xml:space="preserve"> HYPERLINK(CONCATENATE("http://www.sap.com/community/tag.html?id=",$F1926))</f>
        <v>http://www.sap.com/community/tag.html?id=73555000100800000056</v>
      </c>
      <c r="F1926" s="23" t="s">
        <v>4096</v>
      </c>
      <c r="G1926"/>
      <c r="H1926"/>
      <c r="I1926"/>
      <c r="J1926"/>
    </row>
    <row r="1927" spans="1:10" x14ac:dyDescent="0.25">
      <c r="A1927" s="7"/>
      <c r="B1927" t="s">
        <v>572</v>
      </c>
      <c r="C1927" s="23"/>
      <c r="D1927" s="7" t="s">
        <v>5032</v>
      </c>
      <c r="E1927" s="1"/>
      <c r="F1927" s="23" t="s">
        <v>4097</v>
      </c>
      <c r="G1927"/>
      <c r="H1927"/>
      <c r="I1927"/>
      <c r="J1927"/>
    </row>
    <row r="1928" spans="1:10" x14ac:dyDescent="0.25">
      <c r="A1928" s="7"/>
      <c r="B1928"/>
      <c r="C1928" s="23" t="s">
        <v>572</v>
      </c>
      <c r="D1928" s="23" t="s">
        <v>2241</v>
      </c>
      <c r="E1928" s="1" t="str">
        <f t="shared" ref="E1928" si="427" xml:space="preserve"> HYPERLINK(CONCATENATE("http://www.sap.com/community/tag.html?id=",$F1928))</f>
        <v>http://www.sap.com/community/tag.html?id=01200314690800000437</v>
      </c>
      <c r="F1928" s="23" t="s">
        <v>4098</v>
      </c>
      <c r="G1928"/>
      <c r="H1928"/>
      <c r="I1928"/>
      <c r="J1928"/>
    </row>
    <row r="1929" spans="1:10" x14ac:dyDescent="0.25">
      <c r="A1929" s="7"/>
      <c r="B1929" t="s">
        <v>530</v>
      </c>
      <c r="C1929" s="23"/>
      <c r="D1929" s="7" t="s">
        <v>5032</v>
      </c>
      <c r="E1929" s="1"/>
      <c r="F1929" s="23" t="s">
        <v>4099</v>
      </c>
      <c r="G1929"/>
      <c r="H1929"/>
      <c r="I1929"/>
      <c r="J1929"/>
    </row>
    <row r="1930" spans="1:10" x14ac:dyDescent="0.25">
      <c r="A1930" s="7"/>
      <c r="B1930"/>
      <c r="C1930" s="23" t="s">
        <v>530</v>
      </c>
      <c r="D1930" s="23" t="s">
        <v>2241</v>
      </c>
      <c r="E1930" s="1" t="str">
        <f t="shared" ref="E1930:E1942" si="428" xml:space="preserve"> HYPERLINK(CONCATENATE("http://www.sap.com/community/tag.html?id=",$F1930))</f>
        <v>http://www.sap.com/community/tag.html?id=67838200100800006788</v>
      </c>
      <c r="F1930" s="23" t="s">
        <v>4100</v>
      </c>
      <c r="G1930"/>
      <c r="H1930"/>
      <c r="I1930"/>
      <c r="J1930"/>
    </row>
    <row r="1931" spans="1:10" x14ac:dyDescent="0.25">
      <c r="A1931" s="7"/>
      <c r="B1931"/>
      <c r="C1931" s="23" t="s">
        <v>846</v>
      </c>
      <c r="D1931" s="23" t="s">
        <v>2241</v>
      </c>
      <c r="E1931" s="1" t="str">
        <f t="shared" si="428"/>
        <v>http://www.sap.com/community/tag.html?id=73555000100800000371</v>
      </c>
      <c r="F1931" s="23" t="s">
        <v>4101</v>
      </c>
      <c r="G1931"/>
      <c r="H1931"/>
      <c r="I1931"/>
      <c r="J1931"/>
    </row>
    <row r="1932" spans="1:10" x14ac:dyDescent="0.25">
      <c r="A1932" s="7"/>
      <c r="B1932"/>
      <c r="C1932" s="23" t="s">
        <v>5063</v>
      </c>
      <c r="D1932" s="23" t="s">
        <v>2241</v>
      </c>
      <c r="E1932" s="1" t="str">
        <f t="shared" si="428"/>
        <v>http://www.sap.com/community/tag.html?id=73555000100800000632</v>
      </c>
      <c r="F1932" s="23" t="s">
        <v>5114</v>
      </c>
      <c r="G1932"/>
      <c r="H1932"/>
      <c r="I1932"/>
      <c r="J1932"/>
    </row>
    <row r="1933" spans="1:10" x14ac:dyDescent="0.25">
      <c r="A1933" s="7"/>
      <c r="B1933" s="23"/>
      <c r="C1933" t="s">
        <v>272</v>
      </c>
      <c r="D1933" s="23" t="s">
        <v>2241</v>
      </c>
      <c r="E1933" s="1" t="str">
        <f t="shared" si="428"/>
        <v>http://www.sap.com/community/tag.html?id=73555000100800000037</v>
      </c>
      <c r="F1933" s="23" t="s">
        <v>4102</v>
      </c>
      <c r="G1933"/>
      <c r="H1933"/>
      <c r="I1933"/>
      <c r="J1933"/>
    </row>
    <row r="1934" spans="1:10" x14ac:dyDescent="0.25">
      <c r="A1934" s="7"/>
      <c r="B1934"/>
      <c r="C1934" s="23" t="s">
        <v>927</v>
      </c>
      <c r="D1934" s="23" t="s">
        <v>2241</v>
      </c>
      <c r="E1934" s="1" t="str">
        <f t="shared" si="428"/>
        <v>http://www.sap.com/community/tag.html?id=73555000100800000054</v>
      </c>
      <c r="F1934" s="23" t="s">
        <v>4103</v>
      </c>
      <c r="G1934"/>
      <c r="H1934"/>
      <c r="I1934"/>
      <c r="J1934"/>
    </row>
    <row r="1935" spans="1:10" x14ac:dyDescent="0.25">
      <c r="A1935" s="7"/>
      <c r="B1935" s="23"/>
      <c r="C1935" t="s">
        <v>793</v>
      </c>
      <c r="D1935" s="23" t="s">
        <v>2241</v>
      </c>
      <c r="E1935" s="1" t="str">
        <f t="shared" si="428"/>
        <v>http://www.sap.com/community/tag.html?id=73554900100800000682</v>
      </c>
      <c r="F1935" s="23" t="s">
        <v>4104</v>
      </c>
      <c r="G1935"/>
      <c r="H1935"/>
      <c r="I1935"/>
      <c r="J1935"/>
    </row>
    <row r="1936" spans="1:10" x14ac:dyDescent="0.25">
      <c r="A1936" s="7"/>
      <c r="B1936"/>
      <c r="C1936" s="23" t="s">
        <v>426</v>
      </c>
      <c r="D1936" s="23" t="s">
        <v>2241</v>
      </c>
      <c r="E1936" s="1" t="str">
        <f t="shared" si="428"/>
        <v>http://www.sap.com/community/tag.html?id=73554900100800000432</v>
      </c>
      <c r="F1936" s="23" t="s">
        <v>4105</v>
      </c>
      <c r="G1936"/>
      <c r="H1936"/>
      <c r="I1936"/>
      <c r="J1936"/>
    </row>
    <row r="1937" spans="1:10" x14ac:dyDescent="0.25">
      <c r="A1937" s="7"/>
      <c r="B1937" s="23"/>
      <c r="C1937" t="s">
        <v>1320</v>
      </c>
      <c r="D1937" s="23" t="s">
        <v>2241</v>
      </c>
      <c r="E1937" s="1" t="str">
        <f t="shared" si="428"/>
        <v>http://www.sap.com/community/tag.html?id=73555000100800000053</v>
      </c>
      <c r="F1937" s="23" t="s">
        <v>4106</v>
      </c>
      <c r="G1937"/>
      <c r="H1937"/>
      <c r="I1937"/>
      <c r="J1937"/>
    </row>
    <row r="1938" spans="1:10" x14ac:dyDescent="0.25">
      <c r="A1938" s="7"/>
      <c r="B1938"/>
      <c r="C1938" s="23" t="s">
        <v>2228</v>
      </c>
      <c r="D1938" s="23" t="s">
        <v>2241</v>
      </c>
      <c r="E1938" s="1" t="str">
        <f t="shared" si="428"/>
        <v>http://www.sap.com/community/tag.html?id=73555000100800000052</v>
      </c>
      <c r="F1938" s="23" t="s">
        <v>4107</v>
      </c>
      <c r="G1938"/>
      <c r="H1938"/>
      <c r="I1938"/>
      <c r="J1938"/>
    </row>
    <row r="1939" spans="1:10" x14ac:dyDescent="0.25">
      <c r="A1939" s="7"/>
      <c r="B1939"/>
      <c r="C1939" s="23" t="s">
        <v>1434</v>
      </c>
      <c r="D1939" s="23" t="s">
        <v>2241</v>
      </c>
      <c r="E1939" s="1" t="str">
        <f t="shared" si="428"/>
        <v>http://www.sap.com/community/tag.html?id=73555000100800000051</v>
      </c>
      <c r="F1939" s="23" t="s">
        <v>4108</v>
      </c>
      <c r="G1939"/>
      <c r="H1939"/>
      <c r="I1939"/>
      <c r="J1939"/>
    </row>
    <row r="1940" spans="1:10" x14ac:dyDescent="0.25">
      <c r="A1940" s="7"/>
      <c r="B1940"/>
      <c r="C1940" s="23" t="s">
        <v>5064</v>
      </c>
      <c r="D1940" s="23" t="s">
        <v>2241</v>
      </c>
      <c r="E1940" s="1" t="str">
        <f t="shared" si="428"/>
        <v>http://www.sap.com/community/tag.html?id=73555000100800000721</v>
      </c>
      <c r="F1940" s="23" t="s">
        <v>5115</v>
      </c>
      <c r="G1940"/>
      <c r="H1940"/>
      <c r="I1940"/>
      <c r="J1940"/>
    </row>
    <row r="1941" spans="1:10" x14ac:dyDescent="0.25">
      <c r="A1941" s="7"/>
      <c r="B1941" s="23"/>
      <c r="C1941" t="s">
        <v>1156</v>
      </c>
      <c r="D1941" s="23" t="s">
        <v>2241</v>
      </c>
      <c r="E1941" s="1" t="str">
        <f t="shared" si="428"/>
        <v>http://www.sap.com/community/tag.html?id=73555000100800000038</v>
      </c>
      <c r="F1941" s="23" t="s">
        <v>4109</v>
      </c>
      <c r="G1941"/>
      <c r="H1941"/>
      <c r="I1941"/>
      <c r="J1941"/>
    </row>
    <row r="1942" spans="1:10" x14ac:dyDescent="0.25">
      <c r="A1942" s="7"/>
      <c r="B1942"/>
      <c r="C1942" s="23" t="s">
        <v>432</v>
      </c>
      <c r="D1942" s="23" t="s">
        <v>2241</v>
      </c>
      <c r="E1942" s="1" t="str">
        <f t="shared" si="428"/>
        <v>http://www.sap.com/community/tag.html?id=73555000100800000044</v>
      </c>
      <c r="F1942" s="23" t="s">
        <v>4110</v>
      </c>
      <c r="G1942"/>
      <c r="H1942"/>
      <c r="I1942"/>
      <c r="J1942"/>
    </row>
    <row r="1943" spans="1:10" x14ac:dyDescent="0.25">
      <c r="A1943" s="7"/>
      <c r="B1943" s="23" t="s">
        <v>904</v>
      </c>
      <c r="C1943"/>
      <c r="D1943" s="7" t="s">
        <v>5032</v>
      </c>
      <c r="E1943" s="1"/>
      <c r="F1943" s="23" t="s">
        <v>4111</v>
      </c>
      <c r="G1943"/>
      <c r="H1943"/>
      <c r="I1943"/>
      <c r="J1943"/>
    </row>
    <row r="1944" spans="1:10" x14ac:dyDescent="0.25">
      <c r="A1944" s="7"/>
      <c r="B1944"/>
      <c r="C1944" s="23" t="s">
        <v>904</v>
      </c>
      <c r="D1944" s="23" t="s">
        <v>2241</v>
      </c>
      <c r="E1944" s="1" t="str">
        <f t="shared" ref="E1944" si="429" xml:space="preserve"> HYPERLINK(CONCATENATE("http://www.sap.com/community/tag.html?id=",$F1944))</f>
        <v>http://www.sap.com/community/tag.html?id=67837800100800007301</v>
      </c>
      <c r="F1944" s="23" t="s">
        <v>4112</v>
      </c>
      <c r="G1944"/>
      <c r="H1944"/>
      <c r="I1944"/>
      <c r="J1944"/>
    </row>
    <row r="1945" spans="1:10" x14ac:dyDescent="0.25">
      <c r="A1945" s="7"/>
      <c r="B1945" t="s">
        <v>1673</v>
      </c>
      <c r="C1945" s="23"/>
      <c r="D1945" s="7" t="s">
        <v>5032</v>
      </c>
      <c r="E1945" s="1"/>
      <c r="F1945" s="23" t="s">
        <v>4113</v>
      </c>
      <c r="G1945"/>
      <c r="H1945"/>
      <c r="I1945"/>
      <c r="J1945"/>
    </row>
    <row r="1946" spans="1:10" x14ac:dyDescent="0.25">
      <c r="A1946" s="7"/>
      <c r="B1946" s="23"/>
      <c r="C1946" t="s">
        <v>1673</v>
      </c>
      <c r="D1946" s="23" t="s">
        <v>2241</v>
      </c>
      <c r="E1946" s="1" t="str">
        <f t="shared" ref="E1946" si="430" xml:space="preserve"> HYPERLINK(CONCATENATE("http://www.sap.com/community/tag.html?id=",$F1946))</f>
        <v>http://www.sap.com/community/tag.html?id=01200314690800001598</v>
      </c>
      <c r="F1946" s="23" t="s">
        <v>4114</v>
      </c>
      <c r="G1946"/>
      <c r="H1946"/>
      <c r="I1946"/>
      <c r="J1946"/>
    </row>
    <row r="1947" spans="1:10" x14ac:dyDescent="0.25">
      <c r="A1947" s="7"/>
      <c r="B1947" t="s">
        <v>1660</v>
      </c>
      <c r="C1947" s="23"/>
      <c r="D1947" s="7" t="s">
        <v>5032</v>
      </c>
      <c r="E1947" s="1"/>
      <c r="F1947" s="23" t="s">
        <v>4115</v>
      </c>
      <c r="G1947"/>
      <c r="H1947"/>
      <c r="I1947"/>
      <c r="J1947"/>
    </row>
    <row r="1948" spans="1:10" x14ac:dyDescent="0.25">
      <c r="A1948" s="7"/>
      <c r="B1948"/>
      <c r="C1948" s="23" t="s">
        <v>1414</v>
      </c>
      <c r="D1948" s="23" t="s">
        <v>2241</v>
      </c>
      <c r="E1948" s="1" t="str">
        <f t="shared" ref="E1948:E1950" si="431" xml:space="preserve"> HYPERLINK(CONCATENATE("http://www.sap.com/community/tag.html?id=",$F1948))</f>
        <v>http://www.sap.com/community/tag.html?id=01200615320800002487</v>
      </c>
      <c r="F1948" s="23" t="s">
        <v>4116</v>
      </c>
      <c r="G1948"/>
      <c r="H1948"/>
      <c r="I1948"/>
      <c r="J1948"/>
    </row>
    <row r="1949" spans="1:10" x14ac:dyDescent="0.25">
      <c r="A1949" s="7"/>
      <c r="B1949" s="23"/>
      <c r="C1949" t="s">
        <v>1660</v>
      </c>
      <c r="D1949" s="23" t="s">
        <v>2241</v>
      </c>
      <c r="E1949" s="1" t="str">
        <f t="shared" si="431"/>
        <v>http://www.sap.com/community/tag.html?id=01200615320800000062</v>
      </c>
      <c r="F1949" s="23" t="s">
        <v>4117</v>
      </c>
      <c r="G1949"/>
      <c r="H1949"/>
      <c r="I1949"/>
      <c r="J1949"/>
    </row>
    <row r="1950" spans="1:10" x14ac:dyDescent="0.25">
      <c r="A1950" s="7"/>
      <c r="B1950"/>
      <c r="C1950" s="23" t="s">
        <v>2238</v>
      </c>
      <c r="D1950" s="23" t="s">
        <v>2241</v>
      </c>
      <c r="E1950" s="1" t="str">
        <f t="shared" si="431"/>
        <v>http://www.sap.com/community/tag.html?id=01200615320800003298</v>
      </c>
      <c r="F1950" s="23" t="s">
        <v>4118</v>
      </c>
      <c r="G1950"/>
      <c r="H1950"/>
      <c r="I1950"/>
      <c r="J1950"/>
    </row>
    <row r="1951" spans="1:10" x14ac:dyDescent="0.25">
      <c r="A1951" s="7"/>
      <c r="B1951" s="23" t="s">
        <v>1089</v>
      </c>
      <c r="C1951"/>
      <c r="D1951" s="7" t="s">
        <v>5032</v>
      </c>
      <c r="E1951" s="1"/>
      <c r="F1951" s="23" t="s">
        <v>4119</v>
      </c>
      <c r="G1951"/>
      <c r="H1951"/>
      <c r="I1951"/>
      <c r="J1951"/>
    </row>
    <row r="1952" spans="1:10" x14ac:dyDescent="0.25">
      <c r="A1952" s="7"/>
      <c r="B1952"/>
      <c r="C1952" s="23" t="s">
        <v>1089</v>
      </c>
      <c r="D1952" s="23" t="s">
        <v>2241</v>
      </c>
      <c r="E1952" s="1" t="str">
        <f t="shared" ref="E1952" si="432" xml:space="preserve"> HYPERLINK(CONCATENATE("http://www.sap.com/community/tag.html?id=",$F1952))</f>
        <v>http://www.sap.com/community/tag.html?id=01200615320800000652</v>
      </c>
      <c r="F1952" s="23" t="s">
        <v>4120</v>
      </c>
      <c r="G1952"/>
      <c r="H1952"/>
      <c r="I1952"/>
      <c r="J1952"/>
    </row>
    <row r="1953" spans="1:10" x14ac:dyDescent="0.25">
      <c r="A1953" s="7"/>
      <c r="B1953" s="23" t="s">
        <v>1546</v>
      </c>
      <c r="C1953"/>
      <c r="D1953" s="7" t="s">
        <v>5032</v>
      </c>
      <c r="E1953" s="1"/>
      <c r="F1953" s="23" t="s">
        <v>4121</v>
      </c>
      <c r="G1953"/>
      <c r="H1953"/>
      <c r="I1953"/>
      <c r="J1953"/>
    </row>
    <row r="1954" spans="1:10" x14ac:dyDescent="0.25">
      <c r="A1954" s="7"/>
      <c r="B1954"/>
      <c r="C1954" s="23" t="s">
        <v>1546</v>
      </c>
      <c r="D1954" s="23" t="s">
        <v>2241</v>
      </c>
      <c r="E1954" s="1" t="str">
        <f t="shared" ref="E1954:E1955" si="433" xml:space="preserve"> HYPERLINK(CONCATENATE("http://www.sap.com/community/tag.html?id=",$F1954))</f>
        <v>http://www.sap.com/community/tag.html?id=01200615320800003826</v>
      </c>
      <c r="F1954" s="23" t="s">
        <v>4122</v>
      </c>
      <c r="G1954"/>
      <c r="H1954"/>
      <c r="I1954"/>
      <c r="J1954"/>
    </row>
    <row r="1955" spans="1:10" x14ac:dyDescent="0.25">
      <c r="A1955" s="7"/>
      <c r="B1955" s="23"/>
      <c r="C1955" t="s">
        <v>943</v>
      </c>
      <c r="D1955" s="23" t="s">
        <v>2241</v>
      </c>
      <c r="E1955" s="1" t="str">
        <f t="shared" si="433"/>
        <v>http://www.sap.com/community/tag.html?id=01200615320800003838</v>
      </c>
      <c r="F1955" s="23" t="s">
        <v>4123</v>
      </c>
      <c r="G1955"/>
      <c r="H1955"/>
      <c r="I1955"/>
      <c r="J1955"/>
    </row>
    <row r="1956" spans="1:10" x14ac:dyDescent="0.25">
      <c r="A1956" s="7"/>
      <c r="B1956" t="s">
        <v>995</v>
      </c>
      <c r="C1956" s="23"/>
      <c r="D1956" s="7" t="s">
        <v>5032</v>
      </c>
      <c r="E1956" s="1"/>
      <c r="F1956" s="23" t="s">
        <v>4124</v>
      </c>
      <c r="G1956"/>
      <c r="H1956"/>
      <c r="I1956"/>
      <c r="J1956"/>
    </row>
    <row r="1957" spans="1:10" x14ac:dyDescent="0.25">
      <c r="A1957" s="7"/>
      <c r="B1957" s="23"/>
      <c r="C1957" t="s">
        <v>1507</v>
      </c>
      <c r="D1957" s="23" t="s">
        <v>2241</v>
      </c>
      <c r="E1957" s="1" t="str">
        <f t="shared" ref="E1957:E1958" si="434" xml:space="preserve"> HYPERLINK(CONCATENATE("http://www.sap.com/community/tag.html?id=",$F1957))</f>
        <v>http://www.sap.com/community/tag.html?id=67838200100800006030</v>
      </c>
      <c r="F1957" s="23" t="s">
        <v>4125</v>
      </c>
      <c r="G1957"/>
      <c r="H1957"/>
      <c r="I1957"/>
      <c r="J1957"/>
    </row>
    <row r="1958" spans="1:10" x14ac:dyDescent="0.25">
      <c r="A1958" s="7"/>
      <c r="B1958"/>
      <c r="C1958" s="23" t="s">
        <v>995</v>
      </c>
      <c r="D1958" s="23" t="s">
        <v>2241</v>
      </c>
      <c r="E1958" s="1" t="str">
        <f t="shared" si="434"/>
        <v>http://www.sap.com/community/tag.html?id=67838200100800006229</v>
      </c>
      <c r="F1958" s="23" t="s">
        <v>4126</v>
      </c>
      <c r="G1958"/>
      <c r="H1958"/>
      <c r="I1958"/>
      <c r="J1958"/>
    </row>
    <row r="1959" spans="1:10" x14ac:dyDescent="0.25">
      <c r="A1959" s="7"/>
      <c r="B1959" s="23" t="s">
        <v>721</v>
      </c>
      <c r="C1959"/>
      <c r="D1959" s="7" t="s">
        <v>5032</v>
      </c>
      <c r="E1959" s="1"/>
      <c r="F1959" s="23" t="s">
        <v>4127</v>
      </c>
      <c r="G1959"/>
      <c r="H1959"/>
      <c r="I1959"/>
      <c r="J1959"/>
    </row>
    <row r="1960" spans="1:10" x14ac:dyDescent="0.25">
      <c r="A1960" s="7"/>
      <c r="B1960"/>
      <c r="C1960" s="23" t="s">
        <v>721</v>
      </c>
      <c r="D1960" s="23" t="s">
        <v>2241</v>
      </c>
      <c r="E1960" s="1" t="str">
        <f t="shared" ref="E1960" si="435" xml:space="preserve"> HYPERLINK(CONCATENATE("http://www.sap.com/community/tag.html?id=",$F1960))</f>
        <v>http://www.sap.com/community/tag.html?id=01200615320800000211</v>
      </c>
      <c r="F1960" s="23" t="s">
        <v>4128</v>
      </c>
      <c r="G1960"/>
      <c r="H1960"/>
      <c r="I1960"/>
      <c r="J1960"/>
    </row>
    <row r="1961" spans="1:10" x14ac:dyDescent="0.25">
      <c r="A1961" s="7"/>
      <c r="B1961" t="s">
        <v>1194</v>
      </c>
      <c r="C1961" s="23"/>
      <c r="D1961" s="7" t="s">
        <v>5032</v>
      </c>
      <c r="E1961" s="1"/>
      <c r="F1961" s="23" t="s">
        <v>4129</v>
      </c>
      <c r="G1961"/>
      <c r="H1961"/>
      <c r="I1961"/>
      <c r="J1961"/>
    </row>
    <row r="1962" spans="1:10" x14ac:dyDescent="0.25">
      <c r="A1962" s="7"/>
      <c r="B1962"/>
      <c r="C1962" s="23" t="s">
        <v>2181</v>
      </c>
      <c r="D1962" s="23" t="s">
        <v>2241</v>
      </c>
      <c r="E1962" s="1" t="str">
        <f t="shared" ref="E1962" si="436" xml:space="preserve"> HYPERLINK(CONCATENATE("http://www.sap.com/community/tag.html?id=",$F1962))</f>
        <v>http://www.sap.com/community/tag.html?id=01200314690800003924</v>
      </c>
      <c r="F1962" s="23" t="s">
        <v>4130</v>
      </c>
      <c r="G1962"/>
      <c r="H1962"/>
      <c r="I1962"/>
      <c r="J1962"/>
    </row>
    <row r="1963" spans="1:10" x14ac:dyDescent="0.25">
      <c r="A1963" s="7"/>
      <c r="B1963" t="s">
        <v>1267</v>
      </c>
      <c r="C1963" s="23"/>
      <c r="D1963" s="7" t="s">
        <v>5032</v>
      </c>
      <c r="E1963" s="1"/>
      <c r="F1963" s="23" t="s">
        <v>4131</v>
      </c>
      <c r="G1963"/>
      <c r="H1963"/>
      <c r="I1963"/>
      <c r="J1963"/>
    </row>
    <row r="1964" spans="1:10" x14ac:dyDescent="0.25">
      <c r="A1964" s="7"/>
      <c r="B1964"/>
      <c r="C1964" s="23" t="s">
        <v>1267</v>
      </c>
      <c r="D1964" s="23" t="s">
        <v>2241</v>
      </c>
      <c r="E1964" s="1" t="str">
        <f t="shared" ref="E1964" si="437" xml:space="preserve"> HYPERLINK(CONCATENATE("http://www.sap.com/community/tag.html?id=",$F1964))</f>
        <v>http://www.sap.com/community/tag.html?id=67837800100800007096</v>
      </c>
      <c r="F1964" s="23" t="s">
        <v>4132</v>
      </c>
      <c r="G1964"/>
      <c r="H1964"/>
      <c r="I1964"/>
      <c r="J1964"/>
    </row>
    <row r="1965" spans="1:10" x14ac:dyDescent="0.25">
      <c r="A1965" s="7"/>
      <c r="B1965" t="s">
        <v>301</v>
      </c>
      <c r="C1965" s="23"/>
      <c r="D1965" s="7" t="s">
        <v>5032</v>
      </c>
      <c r="E1965" s="1"/>
      <c r="F1965" s="23" t="s">
        <v>4133</v>
      </c>
      <c r="G1965"/>
      <c r="H1965"/>
      <c r="I1965"/>
      <c r="J1965"/>
    </row>
    <row r="1966" spans="1:10" x14ac:dyDescent="0.25">
      <c r="A1966" s="7"/>
      <c r="B1966"/>
      <c r="C1966" s="23" t="s">
        <v>301</v>
      </c>
      <c r="D1966" s="23" t="s">
        <v>2241</v>
      </c>
      <c r="E1966" s="1" t="str">
        <f t="shared" ref="E1966" si="438" xml:space="preserve"> HYPERLINK(CONCATENATE("http://www.sap.com/community/tag.html?id=",$F1966))</f>
        <v>http://www.sap.com/community/tag.html?id=01200314690800000127</v>
      </c>
      <c r="F1966" s="23" t="s">
        <v>4134</v>
      </c>
      <c r="G1966"/>
      <c r="H1966"/>
      <c r="I1966"/>
      <c r="J1966"/>
    </row>
    <row r="1967" spans="1:10" x14ac:dyDescent="0.25">
      <c r="A1967" s="7"/>
      <c r="B1967" t="s">
        <v>1535</v>
      </c>
      <c r="C1967" s="23"/>
      <c r="D1967" s="7" t="s">
        <v>5032</v>
      </c>
      <c r="E1967" s="1"/>
      <c r="F1967" s="23" t="s">
        <v>4135</v>
      </c>
      <c r="G1967"/>
      <c r="H1967"/>
      <c r="I1967"/>
      <c r="J1967"/>
    </row>
    <row r="1968" spans="1:10" x14ac:dyDescent="0.25">
      <c r="A1968" s="7"/>
      <c r="B1968"/>
      <c r="C1968" s="23" t="s">
        <v>1535</v>
      </c>
      <c r="D1968" s="23" t="s">
        <v>2241</v>
      </c>
      <c r="E1968" s="1" t="str">
        <f t="shared" ref="E1968" si="439" xml:space="preserve"> HYPERLINK(CONCATENATE("http://www.sap.com/community/tag.html?id=",$F1968))</f>
        <v>http://www.sap.com/community/tag.html?id=73554900100800000141</v>
      </c>
      <c r="F1968" s="23" t="s">
        <v>4136</v>
      </c>
      <c r="G1968"/>
      <c r="H1968"/>
      <c r="I1968"/>
      <c r="J1968"/>
    </row>
    <row r="1969" spans="1:10" x14ac:dyDescent="0.25">
      <c r="A1969" s="7"/>
      <c r="B1969" s="23" t="s">
        <v>1463</v>
      </c>
      <c r="C1969"/>
      <c r="D1969" s="7" t="s">
        <v>5032</v>
      </c>
      <c r="E1969" s="1"/>
      <c r="F1969" s="23" t="s">
        <v>4137</v>
      </c>
      <c r="G1969"/>
      <c r="H1969"/>
      <c r="I1969"/>
      <c r="J1969"/>
    </row>
    <row r="1970" spans="1:10" x14ac:dyDescent="0.25">
      <c r="A1970" s="7"/>
      <c r="B1970"/>
      <c r="C1970" s="23" t="s">
        <v>1631</v>
      </c>
      <c r="D1970" s="23" t="s">
        <v>2241</v>
      </c>
      <c r="E1970" s="1" t="str">
        <f t="shared" ref="E1970:E1978" si="440" xml:space="preserve"> HYPERLINK(CONCATENATE("http://www.sap.com/community/tag.html?id=",$F1970))</f>
        <v>http://www.sap.com/community/tag.html?id=67837800100800004602</v>
      </c>
      <c r="F1970" s="23" t="s">
        <v>4138</v>
      </c>
      <c r="G1970"/>
      <c r="H1970"/>
      <c r="I1970"/>
      <c r="J1970"/>
    </row>
    <row r="1971" spans="1:10" x14ac:dyDescent="0.25">
      <c r="A1971" s="7"/>
      <c r="B1971" s="23"/>
      <c r="C1971" t="s">
        <v>1202</v>
      </c>
      <c r="D1971" s="23" t="s">
        <v>2241</v>
      </c>
      <c r="E1971" s="1" t="str">
        <f t="shared" si="440"/>
        <v>http://www.sap.com/community/tag.html?id=73554900100800000396</v>
      </c>
      <c r="F1971" s="23" t="s">
        <v>4139</v>
      </c>
      <c r="G1971"/>
      <c r="H1971"/>
      <c r="I1971"/>
      <c r="J1971"/>
    </row>
    <row r="1972" spans="1:10" x14ac:dyDescent="0.25">
      <c r="A1972" s="7"/>
      <c r="B1972"/>
      <c r="C1972" s="23" t="s">
        <v>1827</v>
      </c>
      <c r="D1972" s="23" t="s">
        <v>2241</v>
      </c>
      <c r="E1972" s="1" t="str">
        <f t="shared" si="440"/>
        <v>http://www.sap.com/community/tag.html?id=01200314690800002053</v>
      </c>
      <c r="F1972" s="23" t="s">
        <v>4140</v>
      </c>
      <c r="G1972"/>
      <c r="H1972"/>
      <c r="I1972"/>
      <c r="J1972"/>
    </row>
    <row r="1973" spans="1:10" x14ac:dyDescent="0.25">
      <c r="A1973" s="7"/>
      <c r="B1973" s="23"/>
      <c r="C1973" t="s">
        <v>717</v>
      </c>
      <c r="D1973" s="23" t="s">
        <v>2241</v>
      </c>
      <c r="E1973" s="1" t="str">
        <f t="shared" si="440"/>
        <v>http://www.sap.com/community/tag.html?id=67838200100800006743</v>
      </c>
      <c r="F1973" s="23" t="s">
        <v>4141</v>
      </c>
      <c r="G1973"/>
      <c r="H1973"/>
      <c r="I1973"/>
      <c r="J1973"/>
    </row>
    <row r="1974" spans="1:10" x14ac:dyDescent="0.25">
      <c r="A1974" s="7"/>
      <c r="B1974"/>
      <c r="C1974" s="23" t="s">
        <v>1463</v>
      </c>
      <c r="D1974" s="23" t="s">
        <v>2241</v>
      </c>
      <c r="E1974" s="1" t="str">
        <f t="shared" si="440"/>
        <v>http://www.sap.com/community/tag.html?id=01200314690800000141</v>
      </c>
      <c r="F1974" s="23" t="s">
        <v>4142</v>
      </c>
      <c r="G1974"/>
      <c r="H1974"/>
      <c r="I1974"/>
      <c r="J1974"/>
    </row>
    <row r="1975" spans="1:10" x14ac:dyDescent="0.25">
      <c r="A1975" s="7"/>
      <c r="B1975" s="23"/>
      <c r="C1975" t="s">
        <v>1897</v>
      </c>
      <c r="D1975" s="23" t="s">
        <v>2241</v>
      </c>
      <c r="E1975" s="1" t="str">
        <f t="shared" si="440"/>
        <v>http://www.sap.com/community/tag.html?id=01200615320800000936</v>
      </c>
      <c r="F1975" s="23" t="s">
        <v>4143</v>
      </c>
      <c r="G1975"/>
      <c r="H1975"/>
      <c r="I1975"/>
      <c r="J1975"/>
    </row>
    <row r="1976" spans="1:10" x14ac:dyDescent="0.25">
      <c r="A1976" s="7"/>
      <c r="B1976"/>
      <c r="C1976" s="23" t="s">
        <v>2103</v>
      </c>
      <c r="D1976" s="23" t="s">
        <v>2241</v>
      </c>
      <c r="E1976" s="1" t="str">
        <f t="shared" si="440"/>
        <v>http://www.sap.com/community/tag.html?id=67838200100800006064</v>
      </c>
      <c r="F1976" s="23" t="s">
        <v>4144</v>
      </c>
      <c r="G1976"/>
      <c r="H1976"/>
      <c r="I1976"/>
      <c r="J1976"/>
    </row>
    <row r="1977" spans="1:10" x14ac:dyDescent="0.25">
      <c r="A1977" s="7"/>
      <c r="B1977" s="23"/>
      <c r="C1977" t="s">
        <v>2027</v>
      </c>
      <c r="D1977" s="23" t="s">
        <v>2241</v>
      </c>
      <c r="E1977" s="1" t="str">
        <f t="shared" si="440"/>
        <v>http://www.sap.com/community/tag.html?id=01200615320800002448</v>
      </c>
      <c r="F1977" s="23" t="s">
        <v>4145</v>
      </c>
      <c r="G1977"/>
      <c r="H1977"/>
      <c r="I1977"/>
      <c r="J1977"/>
    </row>
    <row r="1978" spans="1:10" x14ac:dyDescent="0.25">
      <c r="A1978" s="7"/>
      <c r="B1978"/>
      <c r="C1978" s="23" t="s">
        <v>1403</v>
      </c>
      <c r="D1978" s="23" t="s">
        <v>2241</v>
      </c>
      <c r="E1978" s="1" t="str">
        <f t="shared" si="440"/>
        <v>http://www.sap.com/community/tag.html?id=01200615320800000736</v>
      </c>
      <c r="F1978" s="23" t="s">
        <v>4146</v>
      </c>
      <c r="G1978"/>
      <c r="H1978"/>
      <c r="I1978"/>
      <c r="J1978"/>
    </row>
    <row r="1979" spans="1:10" x14ac:dyDescent="0.25">
      <c r="A1979" s="7"/>
      <c r="B1979" s="23" t="s">
        <v>1766</v>
      </c>
      <c r="C1979"/>
      <c r="D1979" s="7" t="s">
        <v>5032</v>
      </c>
      <c r="E1979" s="1"/>
      <c r="F1979" s="23" t="s">
        <v>4147</v>
      </c>
      <c r="G1979"/>
      <c r="H1979"/>
      <c r="I1979"/>
      <c r="J1979"/>
    </row>
    <row r="1980" spans="1:10" x14ac:dyDescent="0.25">
      <c r="A1980" s="7"/>
      <c r="B1980"/>
      <c r="C1980" s="23" t="s">
        <v>1615</v>
      </c>
      <c r="D1980" s="23" t="s">
        <v>2241</v>
      </c>
      <c r="E1980" s="1" t="str">
        <f t="shared" ref="E1980" si="441" xml:space="preserve"> HYPERLINK(CONCATENATE("http://www.sap.com/community/tag.html?id=",$F1980))</f>
        <v>http://www.sap.com/community/tag.html?id=01200615320800000710</v>
      </c>
      <c r="F1980" s="23" t="s">
        <v>4148</v>
      </c>
      <c r="G1980"/>
      <c r="H1980"/>
      <c r="I1980"/>
      <c r="J1980"/>
    </row>
    <row r="1981" spans="1:10" x14ac:dyDescent="0.25">
      <c r="A1981" s="7"/>
      <c r="B1981" s="23" t="s">
        <v>628</v>
      </c>
      <c r="C1981"/>
      <c r="D1981" s="7" t="s">
        <v>5032</v>
      </c>
      <c r="E1981" s="1"/>
      <c r="F1981" s="23" t="s">
        <v>4149</v>
      </c>
      <c r="G1981"/>
      <c r="H1981"/>
      <c r="I1981"/>
      <c r="J1981"/>
    </row>
    <row r="1982" spans="1:10" x14ac:dyDescent="0.25">
      <c r="A1982" s="7"/>
      <c r="B1982"/>
      <c r="C1982" s="23" t="s">
        <v>628</v>
      </c>
      <c r="D1982" s="23" t="s">
        <v>2241</v>
      </c>
      <c r="E1982" s="1" t="str">
        <f t="shared" ref="E1982" si="442" xml:space="preserve"> HYPERLINK(CONCATENATE("http://www.sap.com/community/tag.html?id=",$F1982))</f>
        <v>http://www.sap.com/community/tag.html?id=01200314690800002558</v>
      </c>
      <c r="F1982" s="23" t="s">
        <v>4150</v>
      </c>
      <c r="G1982"/>
      <c r="H1982"/>
      <c r="I1982"/>
      <c r="J1982"/>
    </row>
    <row r="1983" spans="1:10" x14ac:dyDescent="0.25">
      <c r="A1983" s="7"/>
      <c r="B1983" s="23" t="s">
        <v>1018</v>
      </c>
      <c r="C1983"/>
      <c r="D1983" s="7" t="s">
        <v>5032</v>
      </c>
      <c r="E1983" s="1"/>
      <c r="F1983" s="23" t="s">
        <v>4151</v>
      </c>
      <c r="G1983"/>
      <c r="H1983"/>
      <c r="I1983"/>
      <c r="J1983"/>
    </row>
    <row r="1984" spans="1:10" x14ac:dyDescent="0.25">
      <c r="A1984" s="7"/>
      <c r="B1984"/>
      <c r="C1984" s="23" t="s">
        <v>1018</v>
      </c>
      <c r="D1984" s="23" t="s">
        <v>2241</v>
      </c>
      <c r="E1984" s="1" t="str">
        <f t="shared" ref="E1984" si="443" xml:space="preserve"> HYPERLINK(CONCATENATE("http://www.sap.com/community/tag.html?id=",$F1984))</f>
        <v>http://www.sap.com/community/tag.html?id=67838200100800006388</v>
      </c>
      <c r="F1984" s="23" t="s">
        <v>4152</v>
      </c>
      <c r="G1984"/>
      <c r="H1984"/>
      <c r="I1984"/>
      <c r="J1984"/>
    </row>
    <row r="1985" spans="1:10" x14ac:dyDescent="0.25">
      <c r="A1985" s="7"/>
      <c r="B1985" t="s">
        <v>5065</v>
      </c>
      <c r="C1985" s="23"/>
      <c r="D1985" s="7" t="s">
        <v>5032</v>
      </c>
      <c r="E1985" s="1"/>
      <c r="F1985" s="23" t="s">
        <v>5116</v>
      </c>
      <c r="G1985"/>
      <c r="H1985"/>
      <c r="I1985"/>
      <c r="J1985"/>
    </row>
    <row r="1986" spans="1:10" x14ac:dyDescent="0.25">
      <c r="A1986" s="7"/>
      <c r="B1986"/>
      <c r="C1986" s="23" t="s">
        <v>5065</v>
      </c>
      <c r="D1986" s="23" t="s">
        <v>2241</v>
      </c>
      <c r="E1986" s="1" t="str">
        <f t="shared" ref="E1986" si="444" xml:space="preserve"> HYPERLINK(CONCATENATE("http://www.sap.com/community/tag.html?id=",$F1986))</f>
        <v>http://www.sap.com/community/tag.html?id=73554900100800000073</v>
      </c>
      <c r="F1986" s="23" t="s">
        <v>5117</v>
      </c>
      <c r="G1986"/>
      <c r="H1986"/>
      <c r="I1986"/>
      <c r="J1986"/>
    </row>
    <row r="1987" spans="1:10" x14ac:dyDescent="0.25">
      <c r="A1987" s="7"/>
      <c r="B1987" t="s">
        <v>423</v>
      </c>
      <c r="C1987" s="23"/>
      <c r="D1987" s="7" t="s">
        <v>5032</v>
      </c>
      <c r="E1987" s="1"/>
      <c r="F1987" s="23" t="s">
        <v>4153</v>
      </c>
      <c r="G1987"/>
      <c r="H1987"/>
      <c r="I1987"/>
      <c r="J1987"/>
    </row>
    <row r="1988" spans="1:10" x14ac:dyDescent="0.25">
      <c r="A1988" s="7"/>
      <c r="B1988"/>
      <c r="C1988" s="23" t="s">
        <v>423</v>
      </c>
      <c r="D1988" s="23" t="s">
        <v>2241</v>
      </c>
      <c r="E1988" s="1" t="str">
        <f t="shared" ref="E1988" si="445" xml:space="preserve"> HYPERLINK(CONCATENATE("http://www.sap.com/community/tag.html?id=",$F1988))</f>
        <v>http://www.sap.com/community/tag.html?id=01200314690800000161</v>
      </c>
      <c r="F1988" s="23" t="s">
        <v>4154</v>
      </c>
      <c r="G1988"/>
      <c r="H1988"/>
      <c r="I1988"/>
      <c r="J1988"/>
    </row>
    <row r="1989" spans="1:10" x14ac:dyDescent="0.25">
      <c r="A1989" s="7"/>
      <c r="B1989" s="23" t="s">
        <v>59</v>
      </c>
      <c r="C1989"/>
      <c r="D1989" s="7" t="s">
        <v>5032</v>
      </c>
      <c r="E1989" s="1"/>
      <c r="F1989" s="23" t="s">
        <v>4155</v>
      </c>
      <c r="G1989"/>
      <c r="H1989"/>
      <c r="I1989"/>
      <c r="J1989"/>
    </row>
    <row r="1990" spans="1:10" x14ac:dyDescent="0.25">
      <c r="A1990" s="7"/>
      <c r="B1990"/>
      <c r="C1990" s="23" t="s">
        <v>59</v>
      </c>
      <c r="D1990" s="23" t="s">
        <v>2241</v>
      </c>
      <c r="E1990" s="1" t="str">
        <f t="shared" ref="E1990" si="446" xml:space="preserve"> HYPERLINK(CONCATENATE("http://www.sap.com/community/tag.html?id=",$F1990))</f>
        <v>http://www.sap.com/community/tag.html?id=01200314690800000153</v>
      </c>
      <c r="F1990" s="23" t="s">
        <v>4156</v>
      </c>
      <c r="G1990"/>
      <c r="H1990"/>
      <c r="I1990"/>
      <c r="J1990"/>
    </row>
    <row r="1991" spans="1:10" x14ac:dyDescent="0.25">
      <c r="A1991" s="7"/>
      <c r="B1991" s="23" t="s">
        <v>537</v>
      </c>
      <c r="C1991"/>
      <c r="D1991" s="7" t="s">
        <v>5032</v>
      </c>
      <c r="E1991" s="1"/>
      <c r="F1991" s="23" t="s">
        <v>4157</v>
      </c>
      <c r="G1991"/>
      <c r="H1991"/>
      <c r="I1991"/>
      <c r="J1991"/>
    </row>
    <row r="1992" spans="1:10" x14ac:dyDescent="0.25">
      <c r="A1992" s="7"/>
      <c r="B1992"/>
      <c r="C1992" s="23" t="s">
        <v>1694</v>
      </c>
      <c r="D1992" s="23" t="s">
        <v>2241</v>
      </c>
      <c r="E1992" s="1" t="str">
        <f t="shared" ref="E1992" si="447" xml:space="preserve"> HYPERLINK(CONCATENATE("http://www.sap.com/community/tag.html?id=",$F1992))</f>
        <v>http://www.sap.com/community/tag.html?id=01200314690800000154</v>
      </c>
      <c r="F1992" s="23" t="s">
        <v>3549</v>
      </c>
      <c r="G1992"/>
      <c r="H1992"/>
      <c r="I1992"/>
      <c r="J1992"/>
    </row>
    <row r="1993" spans="1:10" x14ac:dyDescent="0.25">
      <c r="A1993" s="7"/>
      <c r="B1993" t="s">
        <v>2140</v>
      </c>
      <c r="C1993" s="23"/>
      <c r="D1993" s="7" t="s">
        <v>5032</v>
      </c>
      <c r="E1993" s="1"/>
      <c r="F1993" s="23" t="s">
        <v>4158</v>
      </c>
      <c r="G1993"/>
      <c r="H1993"/>
      <c r="I1993"/>
      <c r="J1993"/>
    </row>
    <row r="1994" spans="1:10" x14ac:dyDescent="0.25">
      <c r="A1994" s="7"/>
      <c r="B1994"/>
      <c r="C1994" s="23" t="s">
        <v>1071</v>
      </c>
      <c r="D1994" s="23" t="s">
        <v>2241</v>
      </c>
      <c r="E1994" s="1" t="str">
        <f t="shared" ref="E1994:E1998" si="448" xml:space="preserve"> HYPERLINK(CONCATENATE("http://www.sap.com/community/tag.html?id=",$F1994))</f>
        <v>http://www.sap.com/community/tag.html?id=01200615320800002036</v>
      </c>
      <c r="F1994" s="23" t="s">
        <v>4159</v>
      </c>
      <c r="G1994"/>
      <c r="H1994"/>
      <c r="I1994"/>
      <c r="J1994"/>
    </row>
    <row r="1995" spans="1:10" x14ac:dyDescent="0.25">
      <c r="A1995" s="7"/>
      <c r="B1995"/>
      <c r="C1995" s="23" t="s">
        <v>152</v>
      </c>
      <c r="D1995" s="23" t="s">
        <v>2241</v>
      </c>
      <c r="E1995" s="1" t="str">
        <f t="shared" si="448"/>
        <v>http://www.sap.com/community/tag.html?id=01200615320800000689</v>
      </c>
      <c r="F1995" s="23" t="s">
        <v>4160</v>
      </c>
      <c r="G1995"/>
      <c r="H1995"/>
      <c r="I1995"/>
      <c r="J1995"/>
    </row>
    <row r="1996" spans="1:10" x14ac:dyDescent="0.25">
      <c r="A1996" s="7"/>
      <c r="B1996"/>
      <c r="C1996" s="23" t="s">
        <v>2140</v>
      </c>
      <c r="D1996" s="23" t="s">
        <v>2241</v>
      </c>
      <c r="E1996" s="1" t="str">
        <f t="shared" si="448"/>
        <v>http://www.sap.com/community/tag.html?id=01200615320800002538</v>
      </c>
      <c r="F1996" s="23" t="s">
        <v>4161</v>
      </c>
      <c r="G1996"/>
      <c r="H1996"/>
      <c r="I1996"/>
      <c r="J1996"/>
    </row>
    <row r="1997" spans="1:10" x14ac:dyDescent="0.25">
      <c r="A1997" s="7"/>
      <c r="B1997"/>
      <c r="C1997" s="23" t="s">
        <v>905</v>
      </c>
      <c r="D1997" s="23" t="s">
        <v>2241</v>
      </c>
      <c r="E1997" s="1" t="str">
        <f t="shared" si="448"/>
        <v>http://www.sap.com/community/tag.html?id=01200615320800002616</v>
      </c>
      <c r="F1997" s="23" t="s">
        <v>4162</v>
      </c>
      <c r="G1997"/>
      <c r="H1997"/>
      <c r="I1997"/>
      <c r="J1997"/>
    </row>
    <row r="1998" spans="1:10" x14ac:dyDescent="0.25">
      <c r="A1998" s="7"/>
      <c r="B1998"/>
      <c r="C1998" s="23" t="s">
        <v>1296</v>
      </c>
      <c r="D1998" s="23" t="s">
        <v>2241</v>
      </c>
      <c r="E1998" s="1" t="str">
        <f t="shared" si="448"/>
        <v>http://www.sap.com/community/tag.html?id=01200314690800000487</v>
      </c>
      <c r="F1998" s="23" t="s">
        <v>3550</v>
      </c>
      <c r="G1998"/>
      <c r="H1998"/>
      <c r="I1998"/>
      <c r="J1998"/>
    </row>
    <row r="1999" spans="1:10" x14ac:dyDescent="0.25">
      <c r="A1999" s="7"/>
      <c r="B1999" t="s">
        <v>87</v>
      </c>
      <c r="C1999" s="23"/>
      <c r="D1999" s="7" t="s">
        <v>5032</v>
      </c>
      <c r="E1999" s="1"/>
      <c r="F1999" s="23" t="s">
        <v>4163</v>
      </c>
      <c r="G1999"/>
      <c r="H1999"/>
      <c r="I1999"/>
      <c r="J1999"/>
    </row>
    <row r="2000" spans="1:10" x14ac:dyDescent="0.25">
      <c r="A2000" s="7"/>
      <c r="B2000"/>
      <c r="C2000" s="23" t="s">
        <v>87</v>
      </c>
      <c r="D2000" s="23" t="s">
        <v>2241</v>
      </c>
      <c r="E2000" s="1" t="str">
        <f t="shared" ref="E2000" si="449" xml:space="preserve"> HYPERLINK(CONCATENATE("http://www.sap.com/community/tag.html?id=",$F2000))</f>
        <v>http://www.sap.com/community/tag.html?id=67838200100800004017</v>
      </c>
      <c r="F2000" s="23" t="s">
        <v>4164</v>
      </c>
      <c r="G2000"/>
      <c r="H2000"/>
      <c r="I2000"/>
      <c r="J2000"/>
    </row>
    <row r="2001" spans="1:10" x14ac:dyDescent="0.25">
      <c r="A2001" s="7"/>
      <c r="B2001" t="s">
        <v>439</v>
      </c>
      <c r="C2001" s="23"/>
      <c r="D2001" s="7" t="s">
        <v>5032</v>
      </c>
      <c r="E2001" s="1"/>
      <c r="F2001" s="23" t="s">
        <v>4165</v>
      </c>
      <c r="G2001"/>
      <c r="H2001"/>
      <c r="I2001"/>
      <c r="J2001"/>
    </row>
    <row r="2002" spans="1:10" x14ac:dyDescent="0.25">
      <c r="A2002" s="7"/>
      <c r="B2002"/>
      <c r="C2002" s="23" t="s">
        <v>1624</v>
      </c>
      <c r="D2002" s="23" t="s">
        <v>2241</v>
      </c>
      <c r="E2002" s="1" t="str">
        <f t="shared" ref="E2002:E2017" si="450" xml:space="preserve"> HYPERLINK(CONCATENATE("http://www.sap.com/community/tag.html?id=",$F2002))</f>
        <v>http://www.sap.com/community/tag.html?id=01200615320800002330</v>
      </c>
      <c r="F2002" s="23" t="s">
        <v>4166</v>
      </c>
      <c r="G2002"/>
      <c r="H2002"/>
      <c r="I2002"/>
      <c r="J2002"/>
    </row>
    <row r="2003" spans="1:10" x14ac:dyDescent="0.25">
      <c r="A2003" s="7"/>
      <c r="B2003"/>
      <c r="C2003" s="23" t="s">
        <v>2031</v>
      </c>
      <c r="D2003" s="23" t="s">
        <v>2241</v>
      </c>
      <c r="E2003" s="1" t="str">
        <f t="shared" si="450"/>
        <v>http://www.sap.com/community/tag.html?id=01200615320800000622</v>
      </c>
      <c r="F2003" s="23" t="s">
        <v>4167</v>
      </c>
      <c r="G2003"/>
      <c r="H2003"/>
      <c r="I2003"/>
      <c r="J2003"/>
    </row>
    <row r="2004" spans="1:10" x14ac:dyDescent="0.25">
      <c r="A2004" s="7"/>
      <c r="B2004"/>
      <c r="C2004" s="23" t="s">
        <v>2045</v>
      </c>
      <c r="D2004" s="23" t="s">
        <v>2241</v>
      </c>
      <c r="E2004" s="1" t="str">
        <f t="shared" si="450"/>
        <v>http://www.sap.com/community/tag.html?id=01200615320800002352</v>
      </c>
      <c r="F2004" s="23" t="s">
        <v>4168</v>
      </c>
      <c r="G2004"/>
      <c r="H2004"/>
      <c r="I2004"/>
      <c r="J2004"/>
    </row>
    <row r="2005" spans="1:10" x14ac:dyDescent="0.25">
      <c r="A2005" s="7"/>
      <c r="B2005"/>
      <c r="C2005" s="23" t="s">
        <v>1489</v>
      </c>
      <c r="D2005" s="23" t="s">
        <v>2241</v>
      </c>
      <c r="E2005" s="1" t="str">
        <f t="shared" si="450"/>
        <v>http://www.sap.com/community/tag.html?id=01200615320800000642</v>
      </c>
      <c r="F2005" s="23" t="s">
        <v>4169</v>
      </c>
      <c r="G2005"/>
      <c r="H2005"/>
      <c r="I2005"/>
      <c r="J2005"/>
    </row>
    <row r="2006" spans="1:10" x14ac:dyDescent="0.25">
      <c r="A2006" s="7"/>
      <c r="B2006"/>
      <c r="C2006" s="23" t="s">
        <v>1490</v>
      </c>
      <c r="D2006" s="23" t="s">
        <v>2241</v>
      </c>
      <c r="E2006" s="1" t="str">
        <f t="shared" si="450"/>
        <v>http://www.sap.com/community/tag.html?id=01200615320800000643</v>
      </c>
      <c r="F2006" s="23" t="s">
        <v>4170</v>
      </c>
      <c r="G2006"/>
      <c r="H2006"/>
      <c r="I2006"/>
      <c r="J2006"/>
    </row>
    <row r="2007" spans="1:10" x14ac:dyDescent="0.25">
      <c r="A2007" s="7"/>
      <c r="B2007"/>
      <c r="C2007" s="23" t="s">
        <v>1428</v>
      </c>
      <c r="D2007" s="23" t="s">
        <v>2241</v>
      </c>
      <c r="E2007" s="1" t="str">
        <f t="shared" si="450"/>
        <v>http://www.sap.com/community/tag.html?id=01200615320800000644</v>
      </c>
      <c r="F2007" s="23" t="s">
        <v>4171</v>
      </c>
      <c r="G2007"/>
      <c r="H2007"/>
      <c r="I2007"/>
      <c r="J2007"/>
    </row>
    <row r="2008" spans="1:10" x14ac:dyDescent="0.25">
      <c r="A2008" s="7"/>
      <c r="B2008" s="23"/>
      <c r="C2008" t="s">
        <v>618</v>
      </c>
      <c r="D2008" s="23" t="s">
        <v>2241</v>
      </c>
      <c r="E2008" s="1" t="str">
        <f t="shared" si="450"/>
        <v>http://www.sap.com/community/tag.html?id=01200615320800000645</v>
      </c>
      <c r="F2008" s="23" t="s">
        <v>4172</v>
      </c>
      <c r="G2008"/>
      <c r="H2008"/>
      <c r="I2008"/>
      <c r="J2008"/>
    </row>
    <row r="2009" spans="1:10" x14ac:dyDescent="0.25">
      <c r="A2009" s="7"/>
      <c r="B2009"/>
      <c r="C2009" s="23" t="s">
        <v>1183</v>
      </c>
      <c r="D2009" s="23" t="s">
        <v>2241</v>
      </c>
      <c r="E2009" s="1" t="str">
        <f t="shared" si="450"/>
        <v>http://www.sap.com/community/tag.html?id=01200314690800001321</v>
      </c>
      <c r="F2009" s="23" t="s">
        <v>4173</v>
      </c>
      <c r="G2009"/>
      <c r="H2009"/>
      <c r="I2009"/>
      <c r="J2009"/>
    </row>
    <row r="2010" spans="1:10" x14ac:dyDescent="0.25">
      <c r="A2010" s="7"/>
      <c r="B2010"/>
      <c r="C2010" s="23" t="s">
        <v>728</v>
      </c>
      <c r="D2010" s="23" t="s">
        <v>2241</v>
      </c>
      <c r="E2010" s="1" t="str">
        <f t="shared" si="450"/>
        <v>http://www.sap.com/community/tag.html?id=01200314690800001749</v>
      </c>
      <c r="F2010" s="23" t="s">
        <v>4174</v>
      </c>
      <c r="G2010"/>
      <c r="H2010"/>
      <c r="I2010"/>
      <c r="J2010"/>
    </row>
    <row r="2011" spans="1:10" x14ac:dyDescent="0.25">
      <c r="A2011" s="7"/>
      <c r="B2011"/>
      <c r="C2011" s="23" t="s">
        <v>195</v>
      </c>
      <c r="D2011" s="23" t="s">
        <v>2241</v>
      </c>
      <c r="E2011" s="1" t="str">
        <f t="shared" si="450"/>
        <v>http://www.sap.com/community/tag.html?id=01200615320800000641</v>
      </c>
      <c r="F2011" s="23" t="s">
        <v>4175</v>
      </c>
      <c r="G2011"/>
      <c r="H2011"/>
      <c r="I2011"/>
      <c r="J2011"/>
    </row>
    <row r="2012" spans="1:10" x14ac:dyDescent="0.25">
      <c r="A2012" s="7"/>
      <c r="B2012" s="23"/>
      <c r="C2012" t="s">
        <v>299</v>
      </c>
      <c r="D2012" s="23" t="s">
        <v>2241</v>
      </c>
      <c r="E2012" s="1" t="str">
        <f t="shared" si="450"/>
        <v>http://www.sap.com/community/tag.html?id=01200615320800000638</v>
      </c>
      <c r="F2012" s="23" t="s">
        <v>4176</v>
      </c>
      <c r="G2012"/>
      <c r="H2012"/>
      <c r="I2012"/>
      <c r="J2012"/>
    </row>
    <row r="2013" spans="1:10" x14ac:dyDescent="0.25">
      <c r="A2013" s="7"/>
      <c r="B2013"/>
      <c r="C2013" s="23" t="s">
        <v>935</v>
      </c>
      <c r="D2013" s="23" t="s">
        <v>2241</v>
      </c>
      <c r="E2013" s="1" t="str">
        <f t="shared" si="450"/>
        <v>http://www.sap.com/community/tag.html?id=01200615320800002309</v>
      </c>
      <c r="F2013" s="23" t="s">
        <v>4177</v>
      </c>
      <c r="G2013"/>
      <c r="H2013"/>
      <c r="I2013"/>
      <c r="J2013"/>
    </row>
    <row r="2014" spans="1:10" x14ac:dyDescent="0.25">
      <c r="A2014" s="7"/>
      <c r="B2014"/>
      <c r="C2014" s="23" t="s">
        <v>198</v>
      </c>
      <c r="D2014" s="23" t="s">
        <v>2241</v>
      </c>
      <c r="E2014" s="1" t="str">
        <f t="shared" si="450"/>
        <v>http://www.sap.com/community/tag.html?id=01200615320800000639</v>
      </c>
      <c r="F2014" s="23" t="s">
        <v>4178</v>
      </c>
      <c r="G2014"/>
      <c r="H2014"/>
      <c r="I2014"/>
      <c r="J2014"/>
    </row>
    <row r="2015" spans="1:10" x14ac:dyDescent="0.25">
      <c r="A2015" s="7"/>
      <c r="B2015"/>
      <c r="C2015" s="23" t="s">
        <v>1218</v>
      </c>
      <c r="D2015" s="23" t="s">
        <v>2241</v>
      </c>
      <c r="E2015" s="1" t="str">
        <f t="shared" si="450"/>
        <v>http://www.sap.com/community/tag.html?id=01200615320800002329</v>
      </c>
      <c r="F2015" s="23" t="s">
        <v>4179</v>
      </c>
      <c r="G2015"/>
      <c r="H2015"/>
      <c r="I2015"/>
      <c r="J2015"/>
    </row>
    <row r="2016" spans="1:10" x14ac:dyDescent="0.25">
      <c r="A2016" s="7"/>
      <c r="B2016" s="23"/>
      <c r="C2016" t="s">
        <v>2070</v>
      </c>
      <c r="D2016" s="23" t="s">
        <v>2241</v>
      </c>
      <c r="E2016" s="1" t="str">
        <f t="shared" si="450"/>
        <v>http://www.sap.com/community/tag.html?id=01200615320800000640</v>
      </c>
      <c r="F2016" s="23" t="s">
        <v>4180</v>
      </c>
      <c r="G2016"/>
      <c r="H2016"/>
      <c r="I2016"/>
      <c r="J2016"/>
    </row>
    <row r="2017" spans="1:10" x14ac:dyDescent="0.25">
      <c r="A2017" s="7"/>
      <c r="B2017"/>
      <c r="C2017" s="23" t="s">
        <v>1540</v>
      </c>
      <c r="D2017" s="23" t="s">
        <v>2241</v>
      </c>
      <c r="E2017" s="1" t="str">
        <f t="shared" si="450"/>
        <v>http://www.sap.com/community/tag.html?id=01200615320800002353</v>
      </c>
      <c r="F2017" s="23" t="s">
        <v>4181</v>
      </c>
      <c r="G2017"/>
      <c r="H2017"/>
      <c r="I2017"/>
      <c r="J2017"/>
    </row>
    <row r="2018" spans="1:10" x14ac:dyDescent="0.25">
      <c r="A2018" s="7"/>
      <c r="B2018" s="23" t="s">
        <v>1809</v>
      </c>
      <c r="C2018"/>
      <c r="D2018" s="7" t="s">
        <v>5032</v>
      </c>
      <c r="E2018" s="1"/>
      <c r="F2018" s="23" t="s">
        <v>4182</v>
      </c>
      <c r="G2018"/>
      <c r="H2018"/>
      <c r="I2018"/>
      <c r="J2018"/>
    </row>
    <row r="2019" spans="1:10" x14ac:dyDescent="0.25">
      <c r="A2019" s="7"/>
      <c r="B2019"/>
      <c r="C2019" s="23" t="s">
        <v>1809</v>
      </c>
      <c r="D2019" s="23" t="s">
        <v>2241</v>
      </c>
      <c r="E2019" s="1" t="str">
        <f t="shared" ref="E2019:E2021" si="451" xml:space="preserve"> HYPERLINK(CONCATENATE("http://www.sap.com/community/tag.html?id=",$F2019))</f>
        <v>http://www.sap.com/community/tag.html?id=01200314690800000417</v>
      </c>
      <c r="F2019" s="23" t="s">
        <v>4183</v>
      </c>
      <c r="G2019"/>
      <c r="H2019"/>
      <c r="I2019"/>
      <c r="J2019"/>
    </row>
    <row r="2020" spans="1:10" x14ac:dyDescent="0.25">
      <c r="A2020" s="7"/>
      <c r="B2020" s="23"/>
      <c r="C2020" t="s">
        <v>1922</v>
      </c>
      <c r="D2020" s="23" t="s">
        <v>2241</v>
      </c>
      <c r="E2020" s="1" t="str">
        <f t="shared" si="451"/>
        <v>http://www.sap.com/community/tag.html?id=67838200100800005189</v>
      </c>
      <c r="F2020" s="23" t="s">
        <v>4184</v>
      </c>
      <c r="G2020"/>
      <c r="H2020"/>
      <c r="I2020"/>
      <c r="J2020"/>
    </row>
    <row r="2021" spans="1:10" x14ac:dyDescent="0.25">
      <c r="A2021" s="7"/>
      <c r="B2021"/>
      <c r="C2021" s="23" t="s">
        <v>5066</v>
      </c>
      <c r="D2021" s="23" t="s">
        <v>2241</v>
      </c>
      <c r="E2021" s="1" t="str">
        <f t="shared" si="451"/>
        <v>http://www.sap.com/community/tag.html?id=73555000100800000245</v>
      </c>
      <c r="F2021" s="23" t="s">
        <v>5118</v>
      </c>
      <c r="G2021"/>
      <c r="H2021"/>
      <c r="I2021"/>
      <c r="J2021"/>
    </row>
    <row r="2022" spans="1:10" x14ac:dyDescent="0.25">
      <c r="A2022" s="7"/>
      <c r="B2022" s="23" t="s">
        <v>1931</v>
      </c>
      <c r="C2022"/>
      <c r="D2022" s="7" t="s">
        <v>5032</v>
      </c>
      <c r="E2022" s="1"/>
      <c r="F2022" s="23" t="s">
        <v>4185</v>
      </c>
      <c r="G2022"/>
      <c r="H2022"/>
      <c r="I2022"/>
      <c r="J2022"/>
    </row>
    <row r="2023" spans="1:10" x14ac:dyDescent="0.25">
      <c r="A2023" s="7"/>
      <c r="B2023"/>
      <c r="C2023" s="23" t="s">
        <v>2182</v>
      </c>
      <c r="D2023" s="23" t="s">
        <v>2241</v>
      </c>
      <c r="E2023" s="1" t="str">
        <f t="shared" ref="E2023:E2025" si="452" xml:space="preserve"> HYPERLINK(CONCATENATE("http://www.sap.com/community/tag.html?id=",$F2023))</f>
        <v>http://www.sap.com/community/tag.html?id=73554900100800000111</v>
      </c>
      <c r="F2023" s="23" t="s">
        <v>4186</v>
      </c>
      <c r="G2023"/>
      <c r="H2023"/>
      <c r="I2023"/>
      <c r="J2023"/>
    </row>
    <row r="2024" spans="1:10" x14ac:dyDescent="0.25">
      <c r="A2024" s="7"/>
      <c r="B2024" s="23"/>
      <c r="C2024" t="s">
        <v>1115</v>
      </c>
      <c r="D2024" s="23" t="s">
        <v>2241</v>
      </c>
      <c r="E2024" s="1" t="str">
        <f t="shared" si="452"/>
        <v>http://www.sap.com/community/tag.html?id=73555000100800000307</v>
      </c>
      <c r="F2024" s="23" t="s">
        <v>4187</v>
      </c>
      <c r="G2024"/>
      <c r="H2024"/>
      <c r="I2024"/>
      <c r="J2024"/>
    </row>
    <row r="2025" spans="1:10" x14ac:dyDescent="0.25">
      <c r="A2025" s="7"/>
      <c r="B2025"/>
      <c r="C2025" s="23" t="s">
        <v>587</v>
      </c>
      <c r="D2025" s="23" t="s">
        <v>2241</v>
      </c>
      <c r="E2025" s="1" t="str">
        <f t="shared" si="452"/>
        <v>http://www.sap.com/community/tag.html?id=67838200100800006734</v>
      </c>
      <c r="F2025" s="23" t="s">
        <v>4188</v>
      </c>
      <c r="G2025"/>
      <c r="H2025"/>
      <c r="I2025"/>
      <c r="J2025"/>
    </row>
    <row r="2026" spans="1:10" x14ac:dyDescent="0.25">
      <c r="A2026" s="7"/>
      <c r="B2026" t="s">
        <v>1934</v>
      </c>
      <c r="C2026" s="23"/>
      <c r="D2026" s="7" t="s">
        <v>5032</v>
      </c>
      <c r="E2026" s="1"/>
      <c r="F2026" s="23" t="s">
        <v>4189</v>
      </c>
      <c r="G2026"/>
      <c r="H2026"/>
      <c r="I2026"/>
      <c r="J2026"/>
    </row>
    <row r="2027" spans="1:10" x14ac:dyDescent="0.25">
      <c r="A2027" s="7"/>
      <c r="B2027" s="23"/>
      <c r="C2027" t="s">
        <v>1934</v>
      </c>
      <c r="D2027" s="23" t="s">
        <v>2241</v>
      </c>
      <c r="E2027" s="1" t="str">
        <f t="shared" ref="E2027" si="453" xml:space="preserve"> HYPERLINK(CONCATENATE("http://www.sap.com/community/tag.html?id=",$F2027))</f>
        <v>http://www.sap.com/community/tag.html?id=73554900100800000372</v>
      </c>
      <c r="F2027" s="23" t="s">
        <v>4190</v>
      </c>
      <c r="G2027"/>
      <c r="H2027"/>
      <c r="I2027"/>
      <c r="J2027"/>
    </row>
    <row r="2028" spans="1:10" x14ac:dyDescent="0.25">
      <c r="A2028" s="7"/>
      <c r="B2028" t="s">
        <v>722</v>
      </c>
      <c r="C2028" s="23"/>
      <c r="D2028" s="7" t="s">
        <v>5032</v>
      </c>
      <c r="E2028" s="1"/>
      <c r="F2028" s="23" t="s">
        <v>4191</v>
      </c>
      <c r="G2028"/>
      <c r="H2028"/>
      <c r="I2028"/>
      <c r="J2028"/>
    </row>
    <row r="2029" spans="1:10" x14ac:dyDescent="0.25">
      <c r="A2029" s="7"/>
      <c r="B2029" s="23"/>
      <c r="C2029" t="s">
        <v>1863</v>
      </c>
      <c r="D2029" s="23" t="s">
        <v>2241</v>
      </c>
      <c r="E2029" s="1" t="str">
        <f t="shared" ref="E2029" si="454" xml:space="preserve"> HYPERLINK(CONCATENATE("http://www.sap.com/community/tag.html?id=",$F2029))</f>
        <v>http://www.sap.com/community/tag.html?id=01200615320800000646</v>
      </c>
      <c r="F2029" s="23" t="s">
        <v>4192</v>
      </c>
      <c r="G2029"/>
      <c r="H2029"/>
      <c r="I2029"/>
      <c r="J2029"/>
    </row>
    <row r="2030" spans="1:10" x14ac:dyDescent="0.25">
      <c r="A2030" s="7"/>
      <c r="B2030" t="s">
        <v>1153</v>
      </c>
      <c r="C2030" s="23"/>
      <c r="D2030" s="7" t="s">
        <v>5032</v>
      </c>
      <c r="E2030" s="1"/>
      <c r="F2030" s="23" t="s">
        <v>4193</v>
      </c>
      <c r="G2030"/>
      <c r="H2030"/>
      <c r="I2030"/>
      <c r="J2030"/>
    </row>
    <row r="2031" spans="1:10" x14ac:dyDescent="0.25">
      <c r="A2031" s="7"/>
      <c r="B2031" s="23"/>
      <c r="C2031" t="s">
        <v>1153</v>
      </c>
      <c r="D2031" s="23" t="s">
        <v>2241</v>
      </c>
      <c r="E2031" s="1" t="str">
        <f t="shared" ref="E2031" si="455" xml:space="preserve"> HYPERLINK(CONCATENATE("http://www.sap.com/community/tag.html?id=",$F2031))</f>
        <v>http://www.sap.com/community/tag.html?id=73555000100800000088</v>
      </c>
      <c r="F2031" s="23" t="s">
        <v>4194</v>
      </c>
      <c r="G2031"/>
      <c r="H2031"/>
      <c r="I2031"/>
      <c r="J2031"/>
    </row>
    <row r="2032" spans="1:10" x14ac:dyDescent="0.25">
      <c r="A2032" s="7"/>
      <c r="B2032" t="s">
        <v>115</v>
      </c>
      <c r="C2032" s="23"/>
      <c r="D2032" s="7" t="s">
        <v>5032</v>
      </c>
      <c r="E2032" s="1"/>
      <c r="F2032" s="23" t="s">
        <v>4195</v>
      </c>
      <c r="G2032"/>
      <c r="H2032"/>
      <c r="I2032"/>
      <c r="J2032"/>
    </row>
    <row r="2033" spans="1:10" x14ac:dyDescent="0.25">
      <c r="A2033" s="7"/>
      <c r="B2033" s="23"/>
      <c r="C2033" t="s">
        <v>583</v>
      </c>
      <c r="D2033" s="23" t="s">
        <v>2241</v>
      </c>
      <c r="E2033" s="1" t="str">
        <f t="shared" ref="E2033" si="456" xml:space="preserve"> HYPERLINK(CONCATENATE("http://www.sap.com/community/tag.html?id=",$F2033))</f>
        <v>http://www.sap.com/community/tag.html?id=67837800100800005996</v>
      </c>
      <c r="F2033" s="23" t="s">
        <v>4196</v>
      </c>
      <c r="G2033"/>
      <c r="H2033"/>
      <c r="I2033"/>
      <c r="J2033"/>
    </row>
    <row r="2034" spans="1:10" x14ac:dyDescent="0.25">
      <c r="A2034" s="7"/>
      <c r="B2034" t="s">
        <v>2036</v>
      </c>
      <c r="C2034" s="23"/>
      <c r="D2034" s="7" t="s">
        <v>5032</v>
      </c>
      <c r="E2034" s="1"/>
      <c r="F2034" s="23" t="s">
        <v>4197</v>
      </c>
      <c r="G2034"/>
      <c r="H2034"/>
      <c r="I2034"/>
      <c r="J2034"/>
    </row>
    <row r="2035" spans="1:10" x14ac:dyDescent="0.25">
      <c r="A2035" s="7"/>
      <c r="B2035" s="23"/>
      <c r="C2035" t="s">
        <v>2036</v>
      </c>
      <c r="D2035" s="23" t="s">
        <v>2241</v>
      </c>
      <c r="E2035" s="1" t="str">
        <f t="shared" ref="E2035:E2036" si="457" xml:space="preserve"> HYPERLINK(CONCATENATE("http://www.sap.com/community/tag.html?id=",$F2035))</f>
        <v>http://www.sap.com/community/tag.html?id=67837800100800004233</v>
      </c>
      <c r="F2035" s="23" t="s">
        <v>4198</v>
      </c>
      <c r="G2035"/>
      <c r="H2035"/>
      <c r="I2035"/>
      <c r="J2035"/>
    </row>
    <row r="2036" spans="1:10" x14ac:dyDescent="0.25">
      <c r="A2036" s="7"/>
      <c r="B2036"/>
      <c r="C2036" s="23" t="s">
        <v>1076</v>
      </c>
      <c r="D2036" s="23" t="s">
        <v>2241</v>
      </c>
      <c r="E2036" s="1" t="str">
        <f t="shared" si="457"/>
        <v>http://www.sap.com/community/tag.html?id=67838200100800006397</v>
      </c>
      <c r="F2036" s="23" t="s">
        <v>4199</v>
      </c>
      <c r="G2036"/>
      <c r="H2036"/>
      <c r="I2036"/>
      <c r="J2036"/>
    </row>
    <row r="2037" spans="1:10" x14ac:dyDescent="0.25">
      <c r="A2037" s="7"/>
      <c r="B2037" s="23" t="s">
        <v>2170</v>
      </c>
      <c r="C2037"/>
      <c r="D2037" s="7" t="s">
        <v>5032</v>
      </c>
      <c r="E2037" s="1"/>
      <c r="F2037" s="23" t="s">
        <v>4200</v>
      </c>
      <c r="G2037"/>
      <c r="H2037"/>
      <c r="I2037"/>
      <c r="J2037"/>
    </row>
    <row r="2038" spans="1:10" x14ac:dyDescent="0.25">
      <c r="A2038" s="7"/>
      <c r="B2038"/>
      <c r="C2038" s="23" t="s">
        <v>8</v>
      </c>
      <c r="D2038" s="23" t="s">
        <v>2241</v>
      </c>
      <c r="E2038" s="1" t="str">
        <f t="shared" ref="E2038" si="458" xml:space="preserve"> HYPERLINK(CONCATENATE("http://www.sap.com/community/tag.html?id=",$F2038))</f>
        <v>http://www.sap.com/community/tag.html?id=67837800100800007331</v>
      </c>
      <c r="F2038" s="23" t="s">
        <v>4201</v>
      </c>
      <c r="G2038"/>
      <c r="H2038"/>
      <c r="I2038"/>
      <c r="J2038"/>
    </row>
    <row r="2039" spans="1:10" x14ac:dyDescent="0.25">
      <c r="A2039" s="7"/>
      <c r="B2039" s="23" t="s">
        <v>1521</v>
      </c>
      <c r="C2039"/>
      <c r="D2039" s="7" t="s">
        <v>5032</v>
      </c>
      <c r="E2039" s="1"/>
      <c r="F2039" s="23" t="s">
        <v>4202</v>
      </c>
      <c r="G2039"/>
      <c r="H2039"/>
      <c r="I2039"/>
      <c r="J2039"/>
    </row>
    <row r="2040" spans="1:10" x14ac:dyDescent="0.25">
      <c r="A2040" s="7"/>
      <c r="B2040"/>
      <c r="C2040" s="23" t="s">
        <v>1521</v>
      </c>
      <c r="D2040" s="23" t="s">
        <v>2241</v>
      </c>
      <c r="E2040" s="1" t="str">
        <f t="shared" ref="E2040" si="459" xml:space="preserve"> HYPERLINK(CONCATENATE("http://www.sap.com/community/tag.html?id=",$F2040))</f>
        <v>http://www.sap.com/community/tag.html?id=73554900100800000002</v>
      </c>
      <c r="F2040" s="23" t="s">
        <v>4203</v>
      </c>
      <c r="G2040"/>
      <c r="H2040"/>
      <c r="I2040"/>
      <c r="J2040"/>
    </row>
    <row r="2041" spans="1:10" x14ac:dyDescent="0.25">
      <c r="A2041" s="7"/>
      <c r="B2041" t="s">
        <v>2052</v>
      </c>
      <c r="C2041" s="23"/>
      <c r="D2041" s="7" t="s">
        <v>5032</v>
      </c>
      <c r="E2041" s="1"/>
      <c r="F2041" s="23" t="s">
        <v>4204</v>
      </c>
      <c r="G2041"/>
      <c r="H2041"/>
      <c r="I2041"/>
      <c r="J2041"/>
    </row>
    <row r="2042" spans="1:10" x14ac:dyDescent="0.25">
      <c r="A2042" s="7"/>
      <c r="B2042"/>
      <c r="C2042" s="23" t="s">
        <v>2052</v>
      </c>
      <c r="D2042" s="23" t="s">
        <v>2241</v>
      </c>
      <c r="E2042" s="1" t="str">
        <f t="shared" ref="E2042" si="460" xml:space="preserve"> HYPERLINK(CONCATENATE("http://www.sap.com/community/tag.html?id=",$F2042))</f>
        <v>http://www.sap.com/community/tag.html?id=01200314690800001687</v>
      </c>
      <c r="F2042" s="23" t="s">
        <v>4205</v>
      </c>
      <c r="G2042"/>
      <c r="H2042"/>
      <c r="I2042"/>
      <c r="J2042"/>
    </row>
    <row r="2043" spans="1:10" x14ac:dyDescent="0.25">
      <c r="A2043" s="7"/>
      <c r="B2043" t="s">
        <v>1139</v>
      </c>
      <c r="C2043" s="23"/>
      <c r="D2043" s="7" t="s">
        <v>5032</v>
      </c>
      <c r="E2043" s="1"/>
      <c r="F2043" s="23" t="s">
        <v>4206</v>
      </c>
      <c r="G2043"/>
      <c r="H2043"/>
      <c r="I2043"/>
      <c r="J2043"/>
    </row>
    <row r="2044" spans="1:10" x14ac:dyDescent="0.25">
      <c r="A2044" s="7"/>
      <c r="B2044" s="23"/>
      <c r="C2044" t="s">
        <v>1139</v>
      </c>
      <c r="D2044" s="23" t="s">
        <v>2241</v>
      </c>
      <c r="E2044" s="1" t="str">
        <f t="shared" ref="E2044" si="461" xml:space="preserve"> HYPERLINK(CONCATENATE("http://www.sap.com/community/tag.html?id=",$F2044))</f>
        <v>http://www.sap.com/community/tag.html?id=01200615320800000776</v>
      </c>
      <c r="F2044" s="23" t="s">
        <v>4207</v>
      </c>
      <c r="G2044"/>
      <c r="H2044"/>
      <c r="I2044"/>
      <c r="J2044"/>
    </row>
    <row r="2045" spans="1:10" x14ac:dyDescent="0.25">
      <c r="A2045" s="7"/>
      <c r="B2045" t="s">
        <v>1877</v>
      </c>
      <c r="C2045" s="23"/>
      <c r="D2045" s="7" t="s">
        <v>5032</v>
      </c>
      <c r="E2045" s="1"/>
      <c r="F2045" s="23" t="s">
        <v>4208</v>
      </c>
      <c r="G2045"/>
      <c r="H2045"/>
      <c r="I2045"/>
      <c r="J2045"/>
    </row>
    <row r="2046" spans="1:10" x14ac:dyDescent="0.25">
      <c r="A2046" s="7"/>
      <c r="B2046" s="23"/>
      <c r="C2046" t="s">
        <v>1877</v>
      </c>
      <c r="D2046" s="23" t="s">
        <v>2241</v>
      </c>
      <c r="E2046" s="1" t="str">
        <f t="shared" ref="E2046" si="462" xml:space="preserve"> HYPERLINK(CONCATENATE("http://www.sap.com/community/tag.html?id=",$F2046))</f>
        <v>http://www.sap.com/community/tag.html?id=01200615320800000372</v>
      </c>
      <c r="F2046" s="23" t="s">
        <v>4209</v>
      </c>
      <c r="G2046"/>
      <c r="H2046"/>
      <c r="I2046"/>
      <c r="J2046"/>
    </row>
    <row r="2047" spans="1:10" x14ac:dyDescent="0.25">
      <c r="A2047" s="7"/>
      <c r="B2047" t="s">
        <v>940</v>
      </c>
      <c r="C2047" s="23"/>
      <c r="D2047" s="7" t="s">
        <v>5032</v>
      </c>
      <c r="E2047" s="1"/>
      <c r="F2047" s="23" t="s">
        <v>4210</v>
      </c>
      <c r="G2047"/>
      <c r="H2047"/>
      <c r="I2047"/>
      <c r="J2047"/>
    </row>
    <row r="2048" spans="1:10" x14ac:dyDescent="0.25">
      <c r="A2048" s="7"/>
      <c r="B2048" s="23"/>
      <c r="C2048" t="s">
        <v>940</v>
      </c>
      <c r="D2048" s="23" t="s">
        <v>2241</v>
      </c>
      <c r="E2048" s="1" t="str">
        <f t="shared" ref="E2048" si="463" xml:space="preserve"> HYPERLINK(CONCATENATE("http://www.sap.com/community/tag.html?id=",$F2048))</f>
        <v>http://www.sap.com/community/tag.html?id=01200615320800000587</v>
      </c>
      <c r="F2048" s="23" t="s">
        <v>4211</v>
      </c>
      <c r="G2048"/>
      <c r="H2048"/>
      <c r="I2048"/>
      <c r="J2048"/>
    </row>
    <row r="2049" spans="1:10" x14ac:dyDescent="0.25">
      <c r="A2049" s="7"/>
      <c r="B2049" t="s">
        <v>1150</v>
      </c>
      <c r="C2049" s="23"/>
      <c r="D2049" s="7" t="s">
        <v>5032</v>
      </c>
      <c r="E2049" s="1"/>
      <c r="F2049" s="23" t="s">
        <v>4212</v>
      </c>
      <c r="G2049"/>
      <c r="H2049"/>
      <c r="I2049"/>
      <c r="J2049"/>
    </row>
    <row r="2050" spans="1:10" x14ac:dyDescent="0.25">
      <c r="A2050" s="7"/>
      <c r="B2050" s="23"/>
      <c r="C2050" t="s">
        <v>1150</v>
      </c>
      <c r="D2050" s="23" t="s">
        <v>2241</v>
      </c>
      <c r="E2050" s="1" t="str">
        <f t="shared" ref="E2050:E2053" si="464" xml:space="preserve"> HYPERLINK(CONCATENATE("http://www.sap.com/community/tag.html?id=",$F2050))</f>
        <v>http://www.sap.com/community/tag.html?id=67837800100800006433</v>
      </c>
      <c r="F2050" s="23" t="s">
        <v>4213</v>
      </c>
      <c r="G2050"/>
      <c r="H2050"/>
      <c r="I2050"/>
      <c r="J2050"/>
    </row>
    <row r="2051" spans="1:10" x14ac:dyDescent="0.25">
      <c r="A2051" s="7"/>
      <c r="B2051"/>
      <c r="C2051" s="23" t="s">
        <v>1182</v>
      </c>
      <c r="D2051" s="23" t="s">
        <v>2241</v>
      </c>
      <c r="E2051" s="1" t="str">
        <f t="shared" si="464"/>
        <v>http://www.sap.com/community/tag.html?id=67838200100800004735</v>
      </c>
      <c r="F2051" s="23" t="s">
        <v>4214</v>
      </c>
      <c r="G2051"/>
      <c r="H2051"/>
      <c r="I2051"/>
      <c r="J2051"/>
    </row>
    <row r="2052" spans="1:10" x14ac:dyDescent="0.25">
      <c r="A2052" s="7"/>
      <c r="B2052"/>
      <c r="C2052" s="23" t="s">
        <v>2062</v>
      </c>
      <c r="D2052" s="23" t="s">
        <v>2241</v>
      </c>
      <c r="E2052" s="1" t="str">
        <f t="shared" si="464"/>
        <v>http://www.sap.com/community/tag.html?id=73555000100800000081</v>
      </c>
      <c r="F2052" s="23" t="s">
        <v>4215</v>
      </c>
      <c r="G2052"/>
      <c r="H2052"/>
      <c r="I2052"/>
      <c r="J2052"/>
    </row>
    <row r="2053" spans="1:10" x14ac:dyDescent="0.25">
      <c r="A2053" s="7"/>
      <c r="B2053"/>
      <c r="C2053" s="23" t="s">
        <v>1188</v>
      </c>
      <c r="D2053" s="23" t="s">
        <v>2241</v>
      </c>
      <c r="E2053" s="1" t="str">
        <f t="shared" si="464"/>
        <v>http://www.sap.com/community/tag.html?id=67838200100800005942</v>
      </c>
      <c r="F2053" s="23" t="s">
        <v>4216</v>
      </c>
      <c r="G2053"/>
      <c r="H2053"/>
      <c r="I2053"/>
      <c r="J2053"/>
    </row>
    <row r="2054" spans="1:10" x14ac:dyDescent="0.25">
      <c r="A2054" s="7"/>
      <c r="B2054" t="s">
        <v>673</v>
      </c>
      <c r="C2054" s="23"/>
      <c r="D2054" s="7" t="s">
        <v>5032</v>
      </c>
      <c r="E2054" s="1"/>
      <c r="F2054" s="23" t="s">
        <v>4217</v>
      </c>
      <c r="G2054"/>
      <c r="H2054"/>
      <c r="I2054"/>
      <c r="J2054"/>
    </row>
    <row r="2055" spans="1:10" x14ac:dyDescent="0.25">
      <c r="A2055" s="7"/>
      <c r="B2055"/>
      <c r="C2055" s="23" t="s">
        <v>673</v>
      </c>
      <c r="D2055" s="23" t="s">
        <v>2241</v>
      </c>
      <c r="E2055" s="1" t="str">
        <f t="shared" ref="E2055" si="465" xml:space="preserve"> HYPERLINK(CONCATENATE("http://www.sap.com/community/tag.html?id=",$F2055))</f>
        <v>http://www.sap.com/community/tag.html?id=01200615320800000663</v>
      </c>
      <c r="F2055" s="23" t="s">
        <v>4218</v>
      </c>
      <c r="G2055"/>
      <c r="H2055"/>
      <c r="I2055"/>
      <c r="J2055"/>
    </row>
    <row r="2056" spans="1:10" x14ac:dyDescent="0.25">
      <c r="A2056" s="7"/>
      <c r="B2056" t="s">
        <v>834</v>
      </c>
      <c r="C2056" s="23"/>
      <c r="D2056" s="7" t="s">
        <v>5032</v>
      </c>
      <c r="E2056" s="1"/>
      <c r="F2056" s="23" t="s">
        <v>4219</v>
      </c>
      <c r="G2056"/>
      <c r="H2056"/>
      <c r="I2056"/>
      <c r="J2056"/>
    </row>
    <row r="2057" spans="1:10" x14ac:dyDescent="0.25">
      <c r="A2057" s="7"/>
      <c r="B2057"/>
      <c r="C2057" s="23" t="s">
        <v>1200</v>
      </c>
      <c r="D2057" s="23" t="s">
        <v>2241</v>
      </c>
      <c r="E2057" s="1" t="str">
        <f t="shared" ref="E2057" si="466" xml:space="preserve"> HYPERLINK(CONCATENATE("http://www.sap.com/community/tag.html?id=",$F2057))</f>
        <v>http://www.sap.com/community/tag.html?id=01200314690800000225</v>
      </c>
      <c r="F2057" s="23" t="s">
        <v>4220</v>
      </c>
      <c r="G2057"/>
      <c r="H2057"/>
      <c r="I2057"/>
      <c r="J2057"/>
    </row>
    <row r="2058" spans="1:10" x14ac:dyDescent="0.25">
      <c r="A2058" s="7"/>
      <c r="B2058" t="s">
        <v>1410</v>
      </c>
      <c r="C2058" s="23"/>
      <c r="D2058" s="7" t="s">
        <v>5032</v>
      </c>
      <c r="E2058" s="1"/>
      <c r="F2058" s="23" t="s">
        <v>4221</v>
      </c>
      <c r="G2058"/>
      <c r="H2058"/>
      <c r="I2058"/>
      <c r="J2058"/>
    </row>
    <row r="2059" spans="1:10" x14ac:dyDescent="0.25">
      <c r="A2059" s="7"/>
      <c r="B2059"/>
      <c r="C2059" s="23" t="s">
        <v>1410</v>
      </c>
      <c r="D2059" s="23" t="s">
        <v>2241</v>
      </c>
      <c r="E2059" s="1" t="str">
        <f t="shared" ref="E2059" si="467" xml:space="preserve"> HYPERLINK(CONCATENATE("http://www.sap.com/community/tag.html?id=",$F2059))</f>
        <v>http://www.sap.com/community/tag.html?id=01200314690800000191</v>
      </c>
      <c r="F2059" s="23" t="s">
        <v>4222</v>
      </c>
      <c r="G2059"/>
      <c r="H2059"/>
      <c r="I2059"/>
      <c r="J2059"/>
    </row>
    <row r="2060" spans="1:10" x14ac:dyDescent="0.25">
      <c r="A2060" s="7"/>
      <c r="B2060" t="s">
        <v>2200</v>
      </c>
      <c r="C2060" s="23"/>
      <c r="D2060" s="7" t="s">
        <v>5032</v>
      </c>
      <c r="E2060" s="1"/>
      <c r="F2060" s="23" t="s">
        <v>4223</v>
      </c>
      <c r="G2060"/>
      <c r="H2060"/>
      <c r="I2060"/>
      <c r="J2060"/>
    </row>
    <row r="2061" spans="1:10" x14ac:dyDescent="0.25">
      <c r="A2061" s="7"/>
      <c r="B2061"/>
      <c r="C2061" s="23" t="s">
        <v>2200</v>
      </c>
      <c r="D2061" s="23" t="s">
        <v>2241</v>
      </c>
      <c r="E2061" s="1" t="str">
        <f t="shared" ref="E2061:E2078" si="468" xml:space="preserve"> HYPERLINK(CONCATENATE("http://www.sap.com/community/tag.html?id=",$F2061))</f>
        <v>http://www.sap.com/community/tag.html?id=67837800100800006435</v>
      </c>
      <c r="F2061" s="23" t="s">
        <v>4224</v>
      </c>
      <c r="G2061"/>
      <c r="H2061"/>
      <c r="I2061"/>
      <c r="J2061"/>
    </row>
    <row r="2062" spans="1:10" x14ac:dyDescent="0.25">
      <c r="A2062" s="7"/>
      <c r="B2062"/>
      <c r="C2062" s="23" t="s">
        <v>134</v>
      </c>
      <c r="D2062" s="23" t="s">
        <v>2241</v>
      </c>
      <c r="E2062" s="1" t="str">
        <f t="shared" si="468"/>
        <v>http://www.sap.com/community/tag.html?id=67838200100800004912</v>
      </c>
      <c r="F2062" s="23" t="s">
        <v>4225</v>
      </c>
      <c r="G2062"/>
      <c r="H2062"/>
      <c r="I2062"/>
      <c r="J2062"/>
    </row>
    <row r="2063" spans="1:10" x14ac:dyDescent="0.25">
      <c r="A2063" s="7"/>
      <c r="B2063"/>
      <c r="C2063" s="23" t="s">
        <v>1278</v>
      </c>
      <c r="D2063" s="23" t="s">
        <v>2241</v>
      </c>
      <c r="E2063" s="1" t="str">
        <f t="shared" si="468"/>
        <v>http://www.sap.com/community/tag.html?id=67837800100800007137</v>
      </c>
      <c r="F2063" s="23" t="s">
        <v>4226</v>
      </c>
      <c r="G2063"/>
      <c r="H2063"/>
      <c r="I2063"/>
      <c r="J2063"/>
    </row>
    <row r="2064" spans="1:10" x14ac:dyDescent="0.25">
      <c r="A2064" s="7"/>
      <c r="B2064"/>
      <c r="C2064" s="23" t="s">
        <v>2178</v>
      </c>
      <c r="D2064" s="23" t="s">
        <v>2241</v>
      </c>
      <c r="E2064" s="1" t="str">
        <f t="shared" si="468"/>
        <v>http://www.sap.com/community/tag.html?id=67837800100800007136</v>
      </c>
      <c r="F2064" s="23" t="s">
        <v>4227</v>
      </c>
      <c r="G2064"/>
      <c r="H2064"/>
      <c r="I2064"/>
      <c r="J2064"/>
    </row>
    <row r="2065" spans="1:10" x14ac:dyDescent="0.25">
      <c r="A2065" s="7"/>
      <c r="B2065"/>
      <c r="C2065" s="23" t="s">
        <v>931</v>
      </c>
      <c r="D2065" s="23" t="s">
        <v>2241</v>
      </c>
      <c r="E2065" s="1" t="str">
        <f t="shared" si="468"/>
        <v>http://www.sap.com/community/tag.html?id=67838200100800005709</v>
      </c>
      <c r="F2065" s="23" t="s">
        <v>4228</v>
      </c>
      <c r="G2065"/>
      <c r="H2065"/>
      <c r="I2065"/>
      <c r="J2065"/>
    </row>
    <row r="2066" spans="1:10" x14ac:dyDescent="0.25">
      <c r="A2066" s="7"/>
      <c r="B2066"/>
      <c r="C2066" s="23" t="s">
        <v>1514</v>
      </c>
      <c r="D2066" s="23" t="s">
        <v>2241</v>
      </c>
      <c r="E2066" s="1" t="str">
        <f t="shared" si="468"/>
        <v>http://www.sap.com/community/tag.html?id=73554900100800000150</v>
      </c>
      <c r="F2066" s="23" t="s">
        <v>4229</v>
      </c>
      <c r="G2066"/>
      <c r="H2066"/>
      <c r="I2066"/>
      <c r="J2066"/>
    </row>
    <row r="2067" spans="1:10" x14ac:dyDescent="0.25">
      <c r="A2067" s="7"/>
      <c r="B2067"/>
      <c r="C2067" s="23" t="s">
        <v>403</v>
      </c>
      <c r="D2067" s="23" t="s">
        <v>2241</v>
      </c>
      <c r="E2067" s="1" t="str">
        <f t="shared" si="468"/>
        <v>http://www.sap.com/community/tag.html?id=67838200100800005712</v>
      </c>
      <c r="F2067" s="23" t="s">
        <v>4230</v>
      </c>
      <c r="G2067"/>
      <c r="H2067"/>
      <c r="I2067"/>
      <c r="J2067"/>
    </row>
    <row r="2068" spans="1:10" x14ac:dyDescent="0.25">
      <c r="A2068" s="7"/>
      <c r="B2068"/>
      <c r="C2068" s="23" t="s">
        <v>495</v>
      </c>
      <c r="D2068" s="23" t="s">
        <v>2241</v>
      </c>
      <c r="E2068" s="1" t="str">
        <f t="shared" si="468"/>
        <v>http://www.sap.com/community/tag.html?id=67838200100800005960</v>
      </c>
      <c r="F2068" s="23" t="s">
        <v>4231</v>
      </c>
      <c r="G2068"/>
      <c r="H2068"/>
      <c r="I2068"/>
      <c r="J2068"/>
    </row>
    <row r="2069" spans="1:10" x14ac:dyDescent="0.25">
      <c r="A2069" s="7"/>
      <c r="B2069" s="23"/>
      <c r="C2069" t="s">
        <v>469</v>
      </c>
      <c r="D2069" s="23" t="s">
        <v>2241</v>
      </c>
      <c r="E2069" s="1" t="str">
        <f t="shared" si="468"/>
        <v>http://www.sap.com/community/tag.html?id=67837800100800007138</v>
      </c>
      <c r="F2069" s="23" t="s">
        <v>4232</v>
      </c>
      <c r="G2069"/>
      <c r="H2069"/>
      <c r="I2069"/>
      <c r="J2069"/>
    </row>
    <row r="2070" spans="1:10" x14ac:dyDescent="0.25">
      <c r="A2070" s="7"/>
      <c r="B2070"/>
      <c r="C2070" s="23" t="s">
        <v>789</v>
      </c>
      <c r="D2070" s="23" t="s">
        <v>2241</v>
      </c>
      <c r="E2070" s="1" t="str">
        <f t="shared" si="468"/>
        <v>http://www.sap.com/community/tag.html?id=67837800100800007139</v>
      </c>
      <c r="F2070" s="23" t="s">
        <v>4233</v>
      </c>
      <c r="G2070"/>
      <c r="H2070"/>
      <c r="I2070"/>
      <c r="J2070"/>
    </row>
    <row r="2071" spans="1:10" x14ac:dyDescent="0.25">
      <c r="A2071" s="7"/>
      <c r="B2071" s="23"/>
      <c r="C2071" t="s">
        <v>1697</v>
      </c>
      <c r="D2071" s="23" t="s">
        <v>2241</v>
      </c>
      <c r="E2071" s="1" t="str">
        <f t="shared" si="468"/>
        <v>http://www.sap.com/community/tag.html?id=67838200100800005772</v>
      </c>
      <c r="F2071" s="23" t="s">
        <v>4234</v>
      </c>
      <c r="G2071"/>
      <c r="H2071"/>
      <c r="I2071"/>
      <c r="J2071"/>
    </row>
    <row r="2072" spans="1:10" x14ac:dyDescent="0.25">
      <c r="A2072" s="7"/>
      <c r="B2072"/>
      <c r="C2072" s="23" t="s">
        <v>1618</v>
      </c>
      <c r="D2072" s="23" t="s">
        <v>2241</v>
      </c>
      <c r="E2072" s="1" t="str">
        <f t="shared" si="468"/>
        <v>http://www.sap.com/community/tag.html?id=67838200100800005773</v>
      </c>
      <c r="F2072" s="23" t="s">
        <v>4235</v>
      </c>
      <c r="G2072"/>
      <c r="H2072"/>
      <c r="I2072"/>
      <c r="J2072"/>
    </row>
    <row r="2073" spans="1:10" x14ac:dyDescent="0.25">
      <c r="A2073" s="7"/>
      <c r="B2073" s="23"/>
      <c r="C2073" t="s">
        <v>861</v>
      </c>
      <c r="D2073" s="23" t="s">
        <v>2241</v>
      </c>
      <c r="E2073" s="1" t="str">
        <f t="shared" si="468"/>
        <v>http://www.sap.com/community/tag.html?id=67838200100800005944</v>
      </c>
      <c r="F2073" s="23" t="s">
        <v>4236</v>
      </c>
      <c r="G2073"/>
      <c r="H2073"/>
      <c r="I2073"/>
      <c r="J2073"/>
    </row>
    <row r="2074" spans="1:10" x14ac:dyDescent="0.25">
      <c r="A2074" s="7"/>
      <c r="B2074"/>
      <c r="C2074" s="23" t="s">
        <v>1114</v>
      </c>
      <c r="D2074" s="23" t="s">
        <v>2241</v>
      </c>
      <c r="E2074" s="1" t="str">
        <f t="shared" si="468"/>
        <v>http://www.sap.com/community/tag.html?id=67838200100800005946</v>
      </c>
      <c r="F2074" s="23" t="s">
        <v>4237</v>
      </c>
      <c r="G2074"/>
      <c r="H2074"/>
      <c r="I2074"/>
      <c r="J2074"/>
    </row>
    <row r="2075" spans="1:10" x14ac:dyDescent="0.25">
      <c r="A2075" s="7"/>
      <c r="B2075" s="23"/>
      <c r="C2075" t="s">
        <v>978</v>
      </c>
      <c r="D2075" s="23" t="s">
        <v>2241</v>
      </c>
      <c r="E2075" s="1" t="str">
        <f t="shared" si="468"/>
        <v>http://www.sap.com/community/tag.html?id=67838200100800005776</v>
      </c>
      <c r="F2075" s="23" t="s">
        <v>4238</v>
      </c>
      <c r="G2075"/>
      <c r="H2075"/>
      <c r="I2075"/>
      <c r="J2075"/>
    </row>
    <row r="2076" spans="1:10" x14ac:dyDescent="0.25">
      <c r="A2076" s="7"/>
      <c r="B2076"/>
      <c r="C2076" s="23" t="s">
        <v>433</v>
      </c>
      <c r="D2076" s="23" t="s">
        <v>2241</v>
      </c>
      <c r="E2076" s="1" t="str">
        <f t="shared" si="468"/>
        <v>http://www.sap.com/community/tag.html?id=67837800100800006926</v>
      </c>
      <c r="F2076" s="23" t="s">
        <v>4239</v>
      </c>
      <c r="G2076"/>
      <c r="H2076"/>
      <c r="I2076"/>
      <c r="J2076"/>
    </row>
    <row r="2077" spans="1:10" x14ac:dyDescent="0.25">
      <c r="A2077" s="7"/>
      <c r="B2077" s="23"/>
      <c r="C2077" t="s">
        <v>1834</v>
      </c>
      <c r="D2077" s="23" t="s">
        <v>2241</v>
      </c>
      <c r="E2077" s="1" t="str">
        <f t="shared" si="468"/>
        <v>http://www.sap.com/community/tag.html?id=67838200100800005957</v>
      </c>
      <c r="F2077" s="23" t="s">
        <v>4240</v>
      </c>
      <c r="G2077"/>
      <c r="H2077"/>
      <c r="I2077"/>
      <c r="J2077"/>
    </row>
    <row r="2078" spans="1:10" x14ac:dyDescent="0.25">
      <c r="A2078" s="7"/>
      <c r="B2078"/>
      <c r="C2078" s="23" t="s">
        <v>976</v>
      </c>
      <c r="D2078" s="23" t="s">
        <v>2241</v>
      </c>
      <c r="E2078" s="1" t="str">
        <f t="shared" si="468"/>
        <v>http://www.sap.com/community/tag.html?id=01200615320800003226</v>
      </c>
      <c r="F2078" s="23" t="s">
        <v>4243</v>
      </c>
      <c r="G2078"/>
      <c r="H2078"/>
      <c r="I2078"/>
      <c r="J2078"/>
    </row>
    <row r="2079" spans="1:10" x14ac:dyDescent="0.25">
      <c r="A2079" s="7"/>
      <c r="B2079" t="s">
        <v>443</v>
      </c>
      <c r="C2079" s="23"/>
      <c r="D2079" s="7" t="s">
        <v>5032</v>
      </c>
      <c r="E2079" s="1"/>
      <c r="F2079" s="23" t="s">
        <v>4244</v>
      </c>
      <c r="G2079"/>
      <c r="H2079"/>
      <c r="I2079"/>
      <c r="J2079"/>
    </row>
    <row r="2080" spans="1:10" x14ac:dyDescent="0.25">
      <c r="A2080" s="7"/>
      <c r="B2080"/>
      <c r="C2080" s="23" t="s">
        <v>443</v>
      </c>
      <c r="D2080" s="23" t="s">
        <v>2241</v>
      </c>
      <c r="E2080" s="1" t="str">
        <f t="shared" ref="E2080" si="469" xml:space="preserve"> HYPERLINK(CONCATENATE("http://www.sap.com/community/tag.html?id=",$F2080))</f>
        <v>http://www.sap.com/community/tag.html?id=01200615320800003228</v>
      </c>
      <c r="F2080" s="23" t="s">
        <v>4245</v>
      </c>
      <c r="G2080"/>
      <c r="H2080"/>
      <c r="I2080"/>
      <c r="J2080"/>
    </row>
    <row r="2081" spans="1:10" x14ac:dyDescent="0.25">
      <c r="A2081" s="7"/>
      <c r="B2081" t="s">
        <v>938</v>
      </c>
      <c r="C2081" s="23"/>
      <c r="D2081" s="7" t="s">
        <v>5032</v>
      </c>
      <c r="E2081" s="1"/>
      <c r="F2081" s="23" t="s">
        <v>4246</v>
      </c>
      <c r="G2081"/>
      <c r="H2081"/>
      <c r="I2081"/>
      <c r="J2081"/>
    </row>
    <row r="2082" spans="1:10" x14ac:dyDescent="0.25">
      <c r="A2082" s="7"/>
      <c r="B2082" s="23"/>
      <c r="C2082" t="s">
        <v>938</v>
      </c>
      <c r="D2082" s="23" t="s">
        <v>2241</v>
      </c>
      <c r="E2082" s="1" t="str">
        <f t="shared" ref="E2082" si="470" xml:space="preserve"> HYPERLINK(CONCATENATE("http://www.sap.com/community/tag.html?id=",$F2082))</f>
        <v>http://www.sap.com/community/tag.html?id=67838200100800006210</v>
      </c>
      <c r="F2082" s="23" t="s">
        <v>4247</v>
      </c>
      <c r="G2082"/>
      <c r="H2082"/>
      <c r="I2082"/>
      <c r="J2082"/>
    </row>
    <row r="2083" spans="1:10" x14ac:dyDescent="0.25">
      <c r="A2083" s="7"/>
      <c r="B2083" t="s">
        <v>2087</v>
      </c>
      <c r="C2083" s="23"/>
      <c r="D2083" s="7" t="s">
        <v>5032</v>
      </c>
      <c r="E2083" s="1"/>
      <c r="F2083" s="23" t="s">
        <v>4248</v>
      </c>
      <c r="G2083"/>
      <c r="H2083"/>
      <c r="I2083"/>
      <c r="J2083"/>
    </row>
    <row r="2084" spans="1:10" x14ac:dyDescent="0.25">
      <c r="A2084" s="7"/>
      <c r="B2084" s="23"/>
      <c r="C2084" t="s">
        <v>2087</v>
      </c>
      <c r="D2084" s="23" t="s">
        <v>2241</v>
      </c>
      <c r="E2084" s="1" t="str">
        <f t="shared" ref="E2084" si="471" xml:space="preserve"> HYPERLINK(CONCATENATE("http://www.sap.com/community/tag.html?id=",$F2084))</f>
        <v>http://www.sap.com/community/tag.html?id=73554900100800000194</v>
      </c>
      <c r="F2084" s="23" t="s">
        <v>4249</v>
      </c>
      <c r="G2084"/>
      <c r="H2084"/>
      <c r="I2084"/>
      <c r="J2084"/>
    </row>
    <row r="2085" spans="1:10" x14ac:dyDescent="0.25">
      <c r="A2085" s="7"/>
      <c r="B2085" t="s">
        <v>313</v>
      </c>
      <c r="C2085" s="23"/>
      <c r="D2085" s="7" t="s">
        <v>5032</v>
      </c>
      <c r="E2085" s="1"/>
      <c r="F2085" s="23" t="s">
        <v>4250</v>
      </c>
      <c r="G2085"/>
      <c r="H2085"/>
      <c r="I2085"/>
      <c r="J2085"/>
    </row>
    <row r="2086" spans="1:10" x14ac:dyDescent="0.25">
      <c r="A2086" s="7"/>
      <c r="B2086"/>
      <c r="C2086" s="23" t="s">
        <v>107</v>
      </c>
      <c r="D2086" s="23" t="s">
        <v>2241</v>
      </c>
      <c r="E2086" s="1" t="str">
        <f t="shared" ref="E2086" si="472" xml:space="preserve"> HYPERLINK(CONCATENATE("http://www.sap.com/community/tag.html?id=",$F2086))</f>
        <v>http://www.sap.com/community/tag.html?id=67838200100800006082</v>
      </c>
      <c r="F2086" s="23" t="s">
        <v>4251</v>
      </c>
      <c r="G2086"/>
      <c r="H2086"/>
      <c r="I2086"/>
      <c r="J2086"/>
    </row>
    <row r="2087" spans="1:10" x14ac:dyDescent="0.25">
      <c r="A2087" s="7"/>
      <c r="B2087" t="s">
        <v>1724</v>
      </c>
      <c r="C2087" s="23"/>
      <c r="D2087" s="7" t="s">
        <v>5032</v>
      </c>
      <c r="E2087" s="1"/>
      <c r="F2087" s="23" t="s">
        <v>4252</v>
      </c>
      <c r="G2087"/>
      <c r="H2087"/>
      <c r="I2087"/>
      <c r="J2087"/>
    </row>
    <row r="2088" spans="1:10" x14ac:dyDescent="0.25">
      <c r="A2088" s="7"/>
      <c r="B2088"/>
      <c r="C2088" s="23" t="s">
        <v>1724</v>
      </c>
      <c r="D2088" s="23" t="s">
        <v>2241</v>
      </c>
      <c r="E2088" s="1" t="str">
        <f t="shared" ref="E2088:E2091" si="473" xml:space="preserve"> HYPERLINK(CONCATENATE("http://www.sap.com/community/tag.html?id=",$F2088))</f>
        <v>http://www.sap.com/community/tag.html?id=01200615320800003596</v>
      </c>
      <c r="F2088" s="23" t="s">
        <v>4253</v>
      </c>
      <c r="G2088"/>
      <c r="H2088"/>
      <c r="I2088"/>
      <c r="J2088"/>
    </row>
    <row r="2089" spans="1:10" x14ac:dyDescent="0.25">
      <c r="A2089" s="7"/>
      <c r="B2089"/>
      <c r="C2089" s="23" t="s">
        <v>2237</v>
      </c>
      <c r="D2089" s="23" t="s">
        <v>2241</v>
      </c>
      <c r="E2089" s="1" t="str">
        <f t="shared" si="473"/>
        <v>http://www.sap.com/community/tag.html?id=67837800100800005527</v>
      </c>
      <c r="F2089" s="23" t="s">
        <v>4254</v>
      </c>
      <c r="G2089"/>
      <c r="H2089"/>
      <c r="I2089"/>
      <c r="J2089"/>
    </row>
    <row r="2090" spans="1:10" x14ac:dyDescent="0.25">
      <c r="A2090" s="7"/>
      <c r="B2090" s="23"/>
      <c r="C2090" t="s">
        <v>1047</v>
      </c>
      <c r="D2090" s="23" t="s">
        <v>2241</v>
      </c>
      <c r="E2090" s="1" t="str">
        <f t="shared" si="473"/>
        <v>http://www.sap.com/community/tag.html?id=01200615320800004026</v>
      </c>
      <c r="F2090" s="23" t="s">
        <v>4255</v>
      </c>
      <c r="G2090"/>
      <c r="H2090"/>
      <c r="I2090"/>
      <c r="J2090"/>
    </row>
    <row r="2091" spans="1:10" x14ac:dyDescent="0.25">
      <c r="A2091" s="7"/>
      <c r="B2091"/>
      <c r="C2091" s="23" t="s">
        <v>868</v>
      </c>
      <c r="D2091" s="23" t="s">
        <v>2241</v>
      </c>
      <c r="E2091" s="1" t="str">
        <f t="shared" si="473"/>
        <v>http://www.sap.com/community/tag.html?id=01200615320800003535</v>
      </c>
      <c r="F2091" s="23" t="s">
        <v>4256</v>
      </c>
      <c r="G2091"/>
      <c r="H2091"/>
      <c r="I2091"/>
      <c r="J2091"/>
    </row>
    <row r="2092" spans="1:10" x14ac:dyDescent="0.25">
      <c r="A2092" s="7"/>
      <c r="B2092" t="s">
        <v>734</v>
      </c>
      <c r="C2092" s="23"/>
      <c r="D2092" s="7" t="s">
        <v>5032</v>
      </c>
      <c r="E2092" s="1"/>
      <c r="F2092" s="23" t="s">
        <v>4257</v>
      </c>
      <c r="G2092"/>
      <c r="H2092"/>
      <c r="I2092"/>
      <c r="J2092"/>
    </row>
    <row r="2093" spans="1:10" x14ac:dyDescent="0.25">
      <c r="A2093" s="7"/>
      <c r="B2093"/>
      <c r="C2093" s="23" t="s">
        <v>734</v>
      </c>
      <c r="D2093" s="23" t="s">
        <v>2241</v>
      </c>
      <c r="E2093" s="1" t="str">
        <f t="shared" ref="E2093" si="474" xml:space="preserve"> HYPERLINK(CONCATENATE("http://www.sap.com/community/tag.html?id=",$F2093))</f>
        <v>http://www.sap.com/community/tag.html?id=01200615320800000756</v>
      </c>
      <c r="F2093" s="23" t="s">
        <v>4258</v>
      </c>
      <c r="G2093"/>
      <c r="H2093"/>
      <c r="I2093"/>
      <c r="J2093"/>
    </row>
    <row r="2094" spans="1:10" x14ac:dyDescent="0.25">
      <c r="A2094" s="7"/>
      <c r="B2094" s="23" t="s">
        <v>5438</v>
      </c>
      <c r="C2094"/>
      <c r="D2094" s="7" t="s">
        <v>5032</v>
      </c>
      <c r="E2094" s="1"/>
      <c r="F2094" s="23" t="s">
        <v>5437</v>
      </c>
      <c r="G2094"/>
      <c r="H2094"/>
      <c r="I2094"/>
      <c r="J2094"/>
    </row>
    <row r="2095" spans="1:10" x14ac:dyDescent="0.25">
      <c r="A2095" s="7"/>
      <c r="B2095"/>
      <c r="C2095" s="23" t="s">
        <v>5438</v>
      </c>
      <c r="D2095" s="23" t="s">
        <v>2241</v>
      </c>
      <c r="E2095" s="1" t="str">
        <f t="shared" ref="E2095" si="475" xml:space="preserve"> HYPERLINK(CONCATENATE("http://www.sap.com/community/tag.html?id=",$F2095))</f>
        <v>http://www.sap.com/community/tag.html?id=73554900100800000761</v>
      </c>
      <c r="F2095" s="23" t="s">
        <v>5439</v>
      </c>
      <c r="G2095"/>
      <c r="H2095"/>
      <c r="I2095"/>
      <c r="J2095"/>
    </row>
    <row r="2096" spans="1:10" x14ac:dyDescent="0.25">
      <c r="A2096" s="7"/>
      <c r="B2096" s="23" t="s">
        <v>1810</v>
      </c>
      <c r="C2096"/>
      <c r="D2096" s="7" t="s">
        <v>5032</v>
      </c>
      <c r="E2096" s="1"/>
      <c r="F2096" s="23" t="s">
        <v>4259</v>
      </c>
      <c r="G2096"/>
      <c r="H2096"/>
      <c r="I2096"/>
      <c r="J2096"/>
    </row>
    <row r="2097" spans="1:10" x14ac:dyDescent="0.25">
      <c r="A2097" s="7"/>
      <c r="B2097"/>
      <c r="C2097" s="23" t="s">
        <v>1810</v>
      </c>
      <c r="D2097" s="23" t="s">
        <v>2241</v>
      </c>
      <c r="E2097" s="1" t="str">
        <f t="shared" ref="E2097:E2101" si="476" xml:space="preserve"> HYPERLINK(CONCATENATE("http://www.sap.com/community/tag.html?id=",$F2097))</f>
        <v>http://www.sap.com/community/tag.html?id=73554900100800000883</v>
      </c>
      <c r="F2097" s="23" t="s">
        <v>5360</v>
      </c>
      <c r="G2097"/>
      <c r="H2097"/>
      <c r="I2097"/>
      <c r="J2097"/>
    </row>
    <row r="2098" spans="1:10" x14ac:dyDescent="0.25">
      <c r="A2098" s="7"/>
      <c r="B2098" s="23"/>
      <c r="C2098" t="s">
        <v>665</v>
      </c>
      <c r="D2098" s="23" t="s">
        <v>2241</v>
      </c>
      <c r="E2098" s="1" t="str">
        <f t="shared" si="476"/>
        <v>http://www.sap.com/community/tag.html?id=67838200100800006744</v>
      </c>
      <c r="F2098" s="23" t="s">
        <v>4260</v>
      </c>
      <c r="G2098"/>
      <c r="H2098"/>
      <c r="I2098"/>
      <c r="J2098"/>
    </row>
    <row r="2099" spans="1:10" x14ac:dyDescent="0.25">
      <c r="A2099" s="7"/>
      <c r="B2099"/>
      <c r="C2099" s="23" t="s">
        <v>665</v>
      </c>
      <c r="D2099" s="23" t="s">
        <v>2241</v>
      </c>
      <c r="E2099" s="1" t="str">
        <f t="shared" si="476"/>
        <v>http://www.sap.com/community/tag.html?id=73554900100800000923</v>
      </c>
      <c r="F2099" s="23" t="s">
        <v>5361</v>
      </c>
      <c r="G2099"/>
      <c r="H2099"/>
      <c r="I2099"/>
      <c r="J2099"/>
    </row>
    <row r="2100" spans="1:10" x14ac:dyDescent="0.25">
      <c r="A2100" s="7"/>
      <c r="B2100"/>
      <c r="C2100" s="23" t="s">
        <v>177</v>
      </c>
      <c r="D2100" s="23" t="s">
        <v>2241</v>
      </c>
      <c r="E2100" s="1" t="str">
        <f t="shared" si="476"/>
        <v>http://www.sap.com/community/tag.html?id=67838200100800006746</v>
      </c>
      <c r="F2100" s="23" t="s">
        <v>4261</v>
      </c>
      <c r="G2100"/>
      <c r="H2100"/>
      <c r="I2100"/>
      <c r="J2100"/>
    </row>
    <row r="2101" spans="1:10" x14ac:dyDescent="0.25">
      <c r="A2101" s="7"/>
      <c r="B2101"/>
      <c r="C2101" s="23" t="s">
        <v>224</v>
      </c>
      <c r="D2101" s="23" t="s">
        <v>2241</v>
      </c>
      <c r="E2101" s="1" t="str">
        <f t="shared" si="476"/>
        <v>http://www.sap.com/community/tag.html?id=67838200100800006745</v>
      </c>
      <c r="F2101" s="23" t="s">
        <v>4262</v>
      </c>
      <c r="G2101"/>
      <c r="H2101"/>
      <c r="I2101"/>
      <c r="J2101"/>
    </row>
    <row r="2102" spans="1:10" x14ac:dyDescent="0.25">
      <c r="A2102" s="7"/>
      <c r="B2102" t="s">
        <v>1508</v>
      </c>
      <c r="C2102" s="23"/>
      <c r="D2102" s="7" t="s">
        <v>5032</v>
      </c>
      <c r="E2102" s="1"/>
      <c r="F2102" s="23" t="s">
        <v>4263</v>
      </c>
      <c r="G2102"/>
      <c r="H2102"/>
      <c r="I2102"/>
      <c r="J2102"/>
    </row>
    <row r="2103" spans="1:10" x14ac:dyDescent="0.25">
      <c r="A2103" s="7"/>
      <c r="B2103"/>
      <c r="C2103" s="23" t="s">
        <v>1508</v>
      </c>
      <c r="D2103" s="23" t="s">
        <v>2241</v>
      </c>
      <c r="E2103" s="1" t="str">
        <f t="shared" ref="E2103:E2105" si="477" xml:space="preserve"> HYPERLINK(CONCATENATE("http://www.sap.com/community/tag.html?id=",$F2103))</f>
        <v>http://www.sap.com/community/tag.html?id=01200314690800000204</v>
      </c>
      <c r="F2103" s="23" t="s">
        <v>4264</v>
      </c>
      <c r="G2103"/>
      <c r="H2103"/>
      <c r="I2103"/>
      <c r="J2103"/>
    </row>
    <row r="2104" spans="1:10" x14ac:dyDescent="0.25">
      <c r="A2104" s="7"/>
      <c r="B2104"/>
      <c r="C2104" s="23" t="s">
        <v>699</v>
      </c>
      <c r="D2104" s="23" t="s">
        <v>2241</v>
      </c>
      <c r="E2104" s="1" t="str">
        <f t="shared" si="477"/>
        <v>http://www.sap.com/community/tag.html?id=01200314690800001447</v>
      </c>
      <c r="F2104" s="23" t="s">
        <v>4265</v>
      </c>
      <c r="G2104"/>
      <c r="H2104"/>
      <c r="I2104"/>
      <c r="J2104"/>
    </row>
    <row r="2105" spans="1:10" x14ac:dyDescent="0.25">
      <c r="A2105" s="7"/>
      <c r="B2105"/>
      <c r="C2105" s="23" t="s">
        <v>2149</v>
      </c>
      <c r="D2105" s="23" t="s">
        <v>2241</v>
      </c>
      <c r="E2105" s="1" t="str">
        <f t="shared" si="477"/>
        <v>http://www.sap.com/community/tag.html?id=01200314690800001457</v>
      </c>
      <c r="F2105" s="23" t="s">
        <v>4266</v>
      </c>
      <c r="G2105"/>
      <c r="H2105"/>
      <c r="I2105"/>
      <c r="J2105"/>
    </row>
    <row r="2106" spans="1:10" x14ac:dyDescent="0.25">
      <c r="A2106" s="7"/>
      <c r="B2106" t="s">
        <v>1171</v>
      </c>
      <c r="C2106" s="23"/>
      <c r="D2106" s="7" t="s">
        <v>5032</v>
      </c>
      <c r="E2106" s="1"/>
      <c r="F2106" s="23" t="s">
        <v>4267</v>
      </c>
      <c r="G2106"/>
      <c r="H2106"/>
      <c r="I2106"/>
      <c r="J2106"/>
    </row>
    <row r="2107" spans="1:10" x14ac:dyDescent="0.25">
      <c r="A2107" s="7"/>
      <c r="B2107"/>
      <c r="C2107" s="23" t="s">
        <v>1171</v>
      </c>
      <c r="D2107" s="23" t="s">
        <v>2241</v>
      </c>
      <c r="E2107" s="1" t="str">
        <f t="shared" ref="E2107" si="478" xml:space="preserve"> HYPERLINK(CONCATENATE("http://www.sap.com/community/tag.html?id=",$F2107))</f>
        <v>http://www.sap.com/community/tag.html?id=01200615320800003323</v>
      </c>
      <c r="F2107" s="23" t="s">
        <v>4268</v>
      </c>
      <c r="G2107"/>
      <c r="H2107"/>
      <c r="I2107"/>
      <c r="J2107"/>
    </row>
    <row r="2108" spans="1:10" x14ac:dyDescent="0.25">
      <c r="A2108" s="7"/>
      <c r="B2108" t="s">
        <v>1210</v>
      </c>
      <c r="C2108" s="23"/>
      <c r="D2108" s="7" t="s">
        <v>5032</v>
      </c>
      <c r="E2108" s="1"/>
      <c r="F2108" s="23" t="s">
        <v>4269</v>
      </c>
      <c r="G2108"/>
      <c r="H2108"/>
      <c r="I2108"/>
      <c r="J2108"/>
    </row>
    <row r="2109" spans="1:10" x14ac:dyDescent="0.25">
      <c r="A2109" s="7"/>
      <c r="B2109" s="23"/>
      <c r="C2109" t="s">
        <v>1210</v>
      </c>
      <c r="D2109" s="23" t="s">
        <v>2241</v>
      </c>
      <c r="E2109" s="1" t="str">
        <f t="shared" ref="E2109" si="479" xml:space="preserve"> HYPERLINK(CONCATENATE("http://www.sap.com/community/tag.html?id=",$F2109))</f>
        <v>http://www.sap.com/community/tag.html?id=01200314690800002016</v>
      </c>
      <c r="F2109" s="23" t="s">
        <v>4270</v>
      </c>
      <c r="G2109"/>
      <c r="H2109"/>
      <c r="I2109"/>
      <c r="J2109"/>
    </row>
    <row r="2110" spans="1:10" x14ac:dyDescent="0.25">
      <c r="A2110" s="7"/>
      <c r="B2110" t="s">
        <v>1571</v>
      </c>
      <c r="C2110" s="23"/>
      <c r="D2110" s="7" t="s">
        <v>5032</v>
      </c>
      <c r="E2110" s="1"/>
      <c r="F2110" s="23" t="s">
        <v>4271</v>
      </c>
      <c r="G2110"/>
      <c r="H2110"/>
      <c r="I2110"/>
      <c r="J2110"/>
    </row>
    <row r="2111" spans="1:10" x14ac:dyDescent="0.25">
      <c r="A2111" s="7"/>
      <c r="B2111"/>
      <c r="C2111" s="23" t="s">
        <v>1044</v>
      </c>
      <c r="D2111" s="23" t="s">
        <v>2241</v>
      </c>
      <c r="E2111" s="1" t="str">
        <f t="shared" ref="E2111:E2120" si="480" xml:space="preserve"> HYPERLINK(CONCATENATE("http://www.sap.com/community/tag.html?id=",$F2111))</f>
        <v>http://www.sap.com/community/tag.html?id=01200314690800000699</v>
      </c>
      <c r="F2111" s="23" t="s">
        <v>4272</v>
      </c>
      <c r="G2111"/>
      <c r="H2111"/>
      <c r="I2111"/>
      <c r="J2111"/>
    </row>
    <row r="2112" spans="1:10" x14ac:dyDescent="0.25">
      <c r="A2112" s="7"/>
      <c r="B2112" s="23"/>
      <c r="C2112" t="s">
        <v>688</v>
      </c>
      <c r="D2112" s="23" t="s">
        <v>2241</v>
      </c>
      <c r="E2112" s="1" t="str">
        <f t="shared" si="480"/>
        <v>http://www.sap.com/community/tag.html?id=01200314690800002925</v>
      </c>
      <c r="F2112" s="23" t="s">
        <v>4273</v>
      </c>
      <c r="G2112"/>
      <c r="H2112"/>
      <c r="I2112"/>
      <c r="J2112"/>
    </row>
    <row r="2113" spans="1:10" x14ac:dyDescent="0.25">
      <c r="A2113" s="7"/>
      <c r="B2113"/>
      <c r="C2113" s="23" t="s">
        <v>1571</v>
      </c>
      <c r="D2113" s="23" t="s">
        <v>2241</v>
      </c>
      <c r="E2113" s="1" t="str">
        <f t="shared" si="480"/>
        <v>http://www.sap.com/community/tag.html?id=01200615320800000582</v>
      </c>
      <c r="F2113" s="23" t="s">
        <v>4274</v>
      </c>
      <c r="G2113"/>
      <c r="H2113"/>
      <c r="I2113"/>
      <c r="J2113"/>
    </row>
    <row r="2114" spans="1:10" x14ac:dyDescent="0.25">
      <c r="A2114" s="7"/>
      <c r="B2114"/>
      <c r="C2114" s="23" t="s">
        <v>276</v>
      </c>
      <c r="D2114" s="23" t="s">
        <v>2241</v>
      </c>
      <c r="E2114" s="1" t="str">
        <f t="shared" si="480"/>
        <v>http://www.sap.com/community/tag.html?id=73554900100800000259</v>
      </c>
      <c r="F2114" s="23" t="s">
        <v>4275</v>
      </c>
      <c r="G2114"/>
      <c r="H2114"/>
      <c r="I2114"/>
      <c r="J2114"/>
    </row>
    <row r="2115" spans="1:10" x14ac:dyDescent="0.25">
      <c r="A2115" s="7"/>
      <c r="B2115" s="23"/>
      <c r="C2115" t="s">
        <v>5067</v>
      </c>
      <c r="D2115" s="23" t="s">
        <v>2241</v>
      </c>
      <c r="E2115" s="1" t="str">
        <f t="shared" si="480"/>
        <v>http://www.sap.com/community/tag.html?id=67837800100800006546</v>
      </c>
      <c r="F2115" s="23" t="s">
        <v>4279</v>
      </c>
      <c r="G2115"/>
      <c r="H2115"/>
      <c r="I2115"/>
      <c r="J2115"/>
    </row>
    <row r="2116" spans="1:10" x14ac:dyDescent="0.25">
      <c r="A2116" s="7"/>
      <c r="B2116"/>
      <c r="C2116" s="23" t="s">
        <v>2043</v>
      </c>
      <c r="D2116" s="23" t="s">
        <v>2241</v>
      </c>
      <c r="E2116" s="1" t="str">
        <f t="shared" si="480"/>
        <v>http://www.sap.com/community/tag.html?id=01200615320800000696</v>
      </c>
      <c r="F2116" s="23" t="s">
        <v>4276</v>
      </c>
      <c r="G2116"/>
      <c r="H2116"/>
      <c r="I2116"/>
      <c r="J2116"/>
    </row>
    <row r="2117" spans="1:10" x14ac:dyDescent="0.25">
      <c r="A2117" s="7"/>
      <c r="B2117" s="23"/>
      <c r="C2117" t="s">
        <v>1192</v>
      </c>
      <c r="D2117" s="23" t="s">
        <v>2241</v>
      </c>
      <c r="E2117" s="1" t="str">
        <f t="shared" si="480"/>
        <v>http://www.sap.com/community/tag.html?id=01200314690800000182</v>
      </c>
      <c r="F2117" s="23" t="s">
        <v>4277</v>
      </c>
      <c r="G2117"/>
      <c r="H2117"/>
      <c r="I2117"/>
      <c r="J2117"/>
    </row>
    <row r="2118" spans="1:10" x14ac:dyDescent="0.25">
      <c r="A2118" s="7"/>
      <c r="B2118"/>
      <c r="C2118" s="23" t="s">
        <v>832</v>
      </c>
      <c r="D2118" s="23" t="s">
        <v>2241</v>
      </c>
      <c r="E2118" s="1" t="str">
        <f t="shared" si="480"/>
        <v>http://www.sap.com/community/tag.html?id=01200615320800002374</v>
      </c>
      <c r="F2118" s="23" t="s">
        <v>4278</v>
      </c>
      <c r="G2118"/>
      <c r="H2118"/>
      <c r="I2118"/>
      <c r="J2118"/>
    </row>
    <row r="2119" spans="1:10" x14ac:dyDescent="0.25">
      <c r="A2119" s="7"/>
      <c r="B2119" s="23"/>
      <c r="C2119" t="s">
        <v>1125</v>
      </c>
      <c r="D2119" s="23" t="s">
        <v>2241</v>
      </c>
      <c r="E2119" s="1" t="str">
        <f t="shared" si="480"/>
        <v>http://www.sap.com/community/tag.html?id=01200615320800000711</v>
      </c>
      <c r="F2119" s="23" t="s">
        <v>4280</v>
      </c>
      <c r="G2119"/>
      <c r="H2119"/>
      <c r="I2119"/>
      <c r="J2119"/>
    </row>
    <row r="2120" spans="1:10" x14ac:dyDescent="0.25">
      <c r="A2120" s="7"/>
      <c r="B2120"/>
      <c r="C2120" s="23" t="s">
        <v>1753</v>
      </c>
      <c r="D2120" s="23" t="s">
        <v>2241</v>
      </c>
      <c r="E2120" s="1" t="str">
        <f t="shared" si="480"/>
        <v>http://www.sap.com/community/tag.html?id=67837800100800004467</v>
      </c>
      <c r="F2120" s="23" t="s">
        <v>4281</v>
      </c>
      <c r="G2120"/>
      <c r="H2120"/>
      <c r="I2120"/>
      <c r="J2120"/>
    </row>
    <row r="2121" spans="1:10" x14ac:dyDescent="0.25">
      <c r="A2121" s="7"/>
      <c r="B2121" s="23" t="s">
        <v>73</v>
      </c>
      <c r="C2121"/>
      <c r="D2121" s="7" t="s">
        <v>5032</v>
      </c>
      <c r="E2121" s="1"/>
      <c r="F2121" s="23" t="s">
        <v>4282</v>
      </c>
      <c r="G2121"/>
      <c r="H2121"/>
      <c r="I2121"/>
      <c r="J2121"/>
    </row>
    <row r="2122" spans="1:10" x14ac:dyDescent="0.25">
      <c r="A2122" s="7"/>
      <c r="B2122"/>
      <c r="C2122" s="23" t="s">
        <v>73</v>
      </c>
      <c r="D2122" s="23" t="s">
        <v>2241</v>
      </c>
      <c r="E2122" s="1" t="str">
        <f t="shared" ref="E2122:E2123" si="481" xml:space="preserve"> HYPERLINK(CONCATENATE("http://www.sap.com/community/tag.html?id=",$F2122))</f>
        <v>http://www.sap.com/community/tag.html?id=67838200100800006097</v>
      </c>
      <c r="F2122" s="23" t="s">
        <v>4283</v>
      </c>
      <c r="G2122"/>
      <c r="H2122"/>
      <c r="I2122"/>
      <c r="J2122"/>
    </row>
    <row r="2123" spans="1:10" x14ac:dyDescent="0.25">
      <c r="A2123" s="7"/>
      <c r="B2123" s="23"/>
      <c r="C2123" t="s">
        <v>5068</v>
      </c>
      <c r="D2123" s="23" t="s">
        <v>2241</v>
      </c>
      <c r="E2123" s="1" t="str">
        <f t="shared" si="481"/>
        <v>http://www.sap.com/community/tag.html?id=73555000100800000443</v>
      </c>
      <c r="F2123" s="23" t="s">
        <v>5119</v>
      </c>
      <c r="G2123"/>
      <c r="H2123"/>
      <c r="I2123"/>
      <c r="J2123"/>
    </row>
    <row r="2124" spans="1:10" x14ac:dyDescent="0.25">
      <c r="A2124" s="7"/>
      <c r="B2124" t="s">
        <v>1237</v>
      </c>
      <c r="C2124" s="23"/>
      <c r="D2124" s="7" t="s">
        <v>5032</v>
      </c>
      <c r="E2124" s="1"/>
      <c r="F2124" s="23" t="s">
        <v>4284</v>
      </c>
      <c r="G2124"/>
      <c r="H2124"/>
      <c r="I2124"/>
      <c r="J2124"/>
    </row>
    <row r="2125" spans="1:10" x14ac:dyDescent="0.25">
      <c r="A2125" s="7"/>
      <c r="B2125" s="23"/>
      <c r="C2125" t="s">
        <v>1237</v>
      </c>
      <c r="D2125" s="23" t="s">
        <v>2241</v>
      </c>
      <c r="E2125" s="1" t="str">
        <f t="shared" ref="E2125:E2126" si="482" xml:space="preserve"> HYPERLINK(CONCATENATE("http://www.sap.com/community/tag.html?id=",$F2125))</f>
        <v>http://www.sap.com/community/tag.html?id=73554900100800000245</v>
      </c>
      <c r="F2125" s="23" t="s">
        <v>4285</v>
      </c>
      <c r="G2125"/>
      <c r="H2125"/>
      <c r="I2125"/>
      <c r="J2125"/>
    </row>
    <row r="2126" spans="1:10" x14ac:dyDescent="0.25">
      <c r="A2126" s="7"/>
      <c r="B2126"/>
      <c r="C2126" s="23" t="s">
        <v>1102</v>
      </c>
      <c r="D2126" s="23" t="s">
        <v>2241</v>
      </c>
      <c r="E2126" s="1" t="str">
        <f t="shared" si="482"/>
        <v>http://www.sap.com/community/tag.html?id=01200615320800003981</v>
      </c>
      <c r="F2126" s="23" t="s">
        <v>4286</v>
      </c>
      <c r="G2126"/>
      <c r="H2126"/>
      <c r="I2126"/>
      <c r="J2126"/>
    </row>
    <row r="2127" spans="1:10" x14ac:dyDescent="0.25">
      <c r="A2127" s="7"/>
      <c r="B2127" s="23" t="s">
        <v>1887</v>
      </c>
      <c r="C2127"/>
      <c r="D2127" s="7" t="s">
        <v>5032</v>
      </c>
      <c r="E2127" s="1"/>
      <c r="F2127" s="23" t="s">
        <v>4287</v>
      </c>
      <c r="G2127"/>
      <c r="H2127"/>
      <c r="I2127"/>
      <c r="J2127"/>
    </row>
    <row r="2128" spans="1:10" x14ac:dyDescent="0.25">
      <c r="A2128" s="7"/>
      <c r="B2128"/>
      <c r="C2128" s="23" t="s">
        <v>1887</v>
      </c>
      <c r="D2128" s="23" t="s">
        <v>2241</v>
      </c>
      <c r="E2128" s="1" t="str">
        <f t="shared" ref="E2128" si="483" xml:space="preserve"> HYPERLINK(CONCATENATE("http://www.sap.com/community/tag.html?id=",$F2128))</f>
        <v>http://www.sap.com/community/tag.html?id=01200615320800000615</v>
      </c>
      <c r="F2128" s="23" t="s">
        <v>4288</v>
      </c>
      <c r="G2128"/>
      <c r="H2128"/>
      <c r="I2128"/>
      <c r="J2128"/>
    </row>
    <row r="2129" spans="1:10" x14ac:dyDescent="0.25">
      <c r="A2129" s="7"/>
      <c r="B2129" s="23" t="s">
        <v>613</v>
      </c>
      <c r="C2129"/>
      <c r="D2129" s="7" t="s">
        <v>5032</v>
      </c>
      <c r="E2129" s="1"/>
      <c r="F2129" s="23" t="s">
        <v>4289</v>
      </c>
      <c r="G2129"/>
      <c r="H2129"/>
      <c r="I2129"/>
      <c r="J2129"/>
    </row>
    <row r="2130" spans="1:10" x14ac:dyDescent="0.25">
      <c r="A2130" s="7"/>
      <c r="B2130"/>
      <c r="C2130" s="23" t="s">
        <v>613</v>
      </c>
      <c r="D2130" s="23" t="s">
        <v>2241</v>
      </c>
      <c r="E2130" s="1" t="str">
        <f t="shared" ref="E2130" si="484" xml:space="preserve"> HYPERLINK(CONCATENATE("http://www.sap.com/community/tag.html?id=",$F2130))</f>
        <v>http://www.sap.com/community/tag.html?id=01200615320800002038</v>
      </c>
      <c r="F2130" s="23" t="s">
        <v>4290</v>
      </c>
      <c r="G2130"/>
      <c r="H2130"/>
      <c r="I2130"/>
      <c r="J2130"/>
    </row>
    <row r="2131" spans="1:10" x14ac:dyDescent="0.25">
      <c r="A2131" s="7"/>
      <c r="B2131" t="s">
        <v>408</v>
      </c>
      <c r="C2131" s="23"/>
      <c r="D2131" s="7" t="s">
        <v>5032</v>
      </c>
      <c r="E2131" s="1"/>
      <c r="F2131" s="23" t="s">
        <v>4291</v>
      </c>
      <c r="G2131"/>
      <c r="H2131"/>
      <c r="I2131"/>
      <c r="J2131"/>
    </row>
    <row r="2132" spans="1:10" x14ac:dyDescent="0.25">
      <c r="A2132" s="7"/>
      <c r="B2132"/>
      <c r="C2132" s="23" t="s">
        <v>408</v>
      </c>
      <c r="D2132" s="23" t="s">
        <v>2241</v>
      </c>
      <c r="E2132" s="1" t="str">
        <f t="shared" ref="E2132" si="485" xml:space="preserve"> HYPERLINK(CONCATENATE("http://www.sap.com/community/tag.html?id=",$F2132))</f>
        <v>http://www.sap.com/community/tag.html?id=01200314690800000389</v>
      </c>
      <c r="F2132" s="23" t="s">
        <v>4292</v>
      </c>
      <c r="G2132"/>
      <c r="H2132"/>
      <c r="I2132"/>
      <c r="J2132"/>
    </row>
    <row r="2133" spans="1:10" x14ac:dyDescent="0.25">
      <c r="A2133" s="7"/>
      <c r="B2133" t="s">
        <v>1197</v>
      </c>
      <c r="C2133" s="23"/>
      <c r="D2133" s="7" t="s">
        <v>5032</v>
      </c>
      <c r="E2133" s="1"/>
      <c r="F2133" s="23" t="s">
        <v>4293</v>
      </c>
      <c r="G2133"/>
      <c r="H2133"/>
      <c r="I2133"/>
      <c r="J2133"/>
    </row>
    <row r="2134" spans="1:10" x14ac:dyDescent="0.25">
      <c r="A2134" s="7"/>
      <c r="B2134"/>
      <c r="C2134" s="23" t="s">
        <v>1197</v>
      </c>
      <c r="D2134" s="23" t="s">
        <v>2241</v>
      </c>
      <c r="E2134" s="1" t="str">
        <f t="shared" ref="E2134" si="486" xml:space="preserve"> HYPERLINK(CONCATENATE("http://www.sap.com/community/tag.html?id=",$F2134))</f>
        <v>http://www.sap.com/community/tag.html?id=01200314690800000237</v>
      </c>
      <c r="F2134" s="23" t="s">
        <v>4294</v>
      </c>
      <c r="G2134"/>
      <c r="H2134"/>
      <c r="I2134"/>
      <c r="J2134"/>
    </row>
    <row r="2135" spans="1:10" x14ac:dyDescent="0.25">
      <c r="A2135" s="7"/>
      <c r="B2135" s="23" t="s">
        <v>1358</v>
      </c>
      <c r="C2135"/>
      <c r="D2135" s="7" t="s">
        <v>5032</v>
      </c>
      <c r="E2135" s="1"/>
      <c r="F2135" s="23" t="s">
        <v>4295</v>
      </c>
      <c r="G2135"/>
      <c r="H2135"/>
      <c r="I2135"/>
      <c r="J2135"/>
    </row>
    <row r="2136" spans="1:10" x14ac:dyDescent="0.25">
      <c r="A2136" s="7"/>
      <c r="B2136"/>
      <c r="C2136" s="23" t="s">
        <v>1358</v>
      </c>
      <c r="D2136" s="23" t="s">
        <v>2241</v>
      </c>
      <c r="E2136" s="1" t="str">
        <f t="shared" ref="E2136" si="487" xml:space="preserve"> HYPERLINK(CONCATENATE("http://www.sap.com/community/tag.html?id=",$F2136))</f>
        <v>http://www.sap.com/community/tag.html?id=01200615320800000674</v>
      </c>
      <c r="F2136" s="23" t="s">
        <v>4296</v>
      </c>
      <c r="G2136"/>
      <c r="H2136"/>
      <c r="I2136"/>
      <c r="J2136"/>
    </row>
    <row r="2137" spans="1:10" x14ac:dyDescent="0.25">
      <c r="A2137" s="7"/>
      <c r="B2137" s="23" t="s">
        <v>648</v>
      </c>
      <c r="C2137"/>
      <c r="D2137" s="7" t="s">
        <v>5032</v>
      </c>
      <c r="E2137" s="1"/>
      <c r="F2137" s="23" t="s">
        <v>4297</v>
      </c>
      <c r="G2137"/>
      <c r="H2137"/>
      <c r="I2137"/>
      <c r="J2137"/>
    </row>
    <row r="2138" spans="1:10" x14ac:dyDescent="0.25">
      <c r="A2138" s="7"/>
      <c r="B2138"/>
      <c r="C2138" s="23" t="s">
        <v>648</v>
      </c>
      <c r="D2138" s="23" t="s">
        <v>2241</v>
      </c>
      <c r="E2138" s="1" t="str">
        <f t="shared" ref="E2138" si="488" xml:space="preserve"> HYPERLINK(CONCATENATE("http://www.sap.com/community/tag.html?id=",$F2138))</f>
        <v>http://www.sap.com/community/tag.html?id=01200615320800000675</v>
      </c>
      <c r="F2138" s="23" t="s">
        <v>4298</v>
      </c>
      <c r="G2138"/>
      <c r="H2138"/>
      <c r="I2138"/>
      <c r="J2138"/>
    </row>
    <row r="2139" spans="1:10" x14ac:dyDescent="0.25">
      <c r="A2139" s="7"/>
      <c r="B2139" s="23" t="s">
        <v>1476</v>
      </c>
      <c r="C2139"/>
      <c r="D2139" s="7" t="s">
        <v>5032</v>
      </c>
      <c r="E2139" s="1"/>
      <c r="F2139" s="23" t="s">
        <v>4299</v>
      </c>
      <c r="G2139"/>
      <c r="H2139"/>
      <c r="I2139"/>
      <c r="J2139"/>
    </row>
    <row r="2140" spans="1:10" x14ac:dyDescent="0.25">
      <c r="A2140" s="7"/>
      <c r="B2140"/>
      <c r="C2140" s="23" t="s">
        <v>1476</v>
      </c>
      <c r="D2140" s="23" t="s">
        <v>2241</v>
      </c>
      <c r="E2140" s="1" t="str">
        <f t="shared" ref="E2140" si="489" xml:space="preserve"> HYPERLINK(CONCATENATE("http://www.sap.com/community/tag.html?id=",$F2140))</f>
        <v>http://www.sap.com/community/tag.html?id=01200615320800004120</v>
      </c>
      <c r="F2140" s="23" t="s">
        <v>4300</v>
      </c>
      <c r="G2140"/>
      <c r="H2140"/>
      <c r="I2140"/>
      <c r="J2140"/>
    </row>
    <row r="2141" spans="1:10" x14ac:dyDescent="0.25">
      <c r="A2141" s="7"/>
      <c r="B2141" s="23" t="s">
        <v>672</v>
      </c>
      <c r="C2141"/>
      <c r="D2141" s="7" t="s">
        <v>5032</v>
      </c>
      <c r="E2141" s="1"/>
      <c r="F2141" s="23" t="s">
        <v>4301</v>
      </c>
      <c r="G2141"/>
      <c r="H2141"/>
      <c r="I2141"/>
      <c r="J2141"/>
    </row>
    <row r="2142" spans="1:10" x14ac:dyDescent="0.25">
      <c r="A2142" s="7"/>
      <c r="B2142"/>
      <c r="C2142" s="23" t="s">
        <v>535</v>
      </c>
      <c r="D2142" s="23" t="s">
        <v>2241</v>
      </c>
      <c r="E2142" s="1" t="str">
        <f t="shared" ref="E2142:E2146" si="490" xml:space="preserve"> HYPERLINK(CONCATENATE("http://www.sap.com/community/tag.html?id=",$F2142))</f>
        <v>http://www.sap.com/community/tag.html?id=73555000100800000240</v>
      </c>
      <c r="F2142" s="23" t="s">
        <v>4302</v>
      </c>
      <c r="G2142"/>
      <c r="H2142"/>
      <c r="I2142"/>
      <c r="J2142"/>
    </row>
    <row r="2143" spans="1:10" x14ac:dyDescent="0.25">
      <c r="A2143" s="7"/>
      <c r="B2143" s="23"/>
      <c r="C2143" t="s">
        <v>672</v>
      </c>
      <c r="D2143" s="23" t="s">
        <v>2241</v>
      </c>
      <c r="E2143" s="1" t="str">
        <f t="shared" si="490"/>
        <v>http://www.sap.com/community/tag.html?id=01200245450800000024</v>
      </c>
      <c r="F2143" s="23" t="s">
        <v>4303</v>
      </c>
      <c r="G2143"/>
      <c r="H2143"/>
      <c r="I2143"/>
      <c r="J2143"/>
    </row>
    <row r="2144" spans="1:10" x14ac:dyDescent="0.25">
      <c r="A2144" s="7"/>
      <c r="B2144"/>
      <c r="C2144" s="23" t="s">
        <v>2090</v>
      </c>
      <c r="D2144" s="23" t="s">
        <v>2241</v>
      </c>
      <c r="E2144" s="1" t="str">
        <f t="shared" si="490"/>
        <v>http://www.sap.com/community/tag.html?id=01200314690800003104</v>
      </c>
      <c r="F2144" s="23" t="s">
        <v>4304</v>
      </c>
      <c r="G2144"/>
      <c r="H2144"/>
      <c r="I2144"/>
      <c r="J2144"/>
    </row>
    <row r="2145" spans="1:10" x14ac:dyDescent="0.25">
      <c r="A2145" s="7"/>
      <c r="B2145" s="23"/>
      <c r="C2145" t="s">
        <v>1744</v>
      </c>
      <c r="D2145" s="23" t="s">
        <v>2241</v>
      </c>
      <c r="E2145" s="1" t="str">
        <f t="shared" si="490"/>
        <v>http://www.sap.com/community/tag.html?id=73555000100800000271</v>
      </c>
      <c r="F2145" s="23" t="s">
        <v>4305</v>
      </c>
      <c r="G2145"/>
      <c r="H2145"/>
      <c r="I2145"/>
      <c r="J2145"/>
    </row>
    <row r="2146" spans="1:10" x14ac:dyDescent="0.25">
      <c r="A2146" s="7"/>
      <c r="B2146"/>
      <c r="C2146" s="23" t="s">
        <v>499</v>
      </c>
      <c r="D2146" s="23" t="s">
        <v>2241</v>
      </c>
      <c r="E2146" s="1" t="str">
        <f t="shared" si="490"/>
        <v>http://www.sap.com/community/tag.html?id=67837800100800007332</v>
      </c>
      <c r="F2146" s="23" t="s">
        <v>4306</v>
      </c>
      <c r="G2146"/>
      <c r="H2146"/>
      <c r="I2146"/>
      <c r="J2146"/>
    </row>
    <row r="2147" spans="1:10" x14ac:dyDescent="0.25">
      <c r="A2147" s="7"/>
      <c r="B2147" t="s">
        <v>473</v>
      </c>
      <c r="C2147" s="23"/>
      <c r="D2147" s="7" t="s">
        <v>5032</v>
      </c>
      <c r="E2147" s="1"/>
      <c r="F2147" s="23" t="s">
        <v>4307</v>
      </c>
      <c r="G2147"/>
      <c r="H2147"/>
      <c r="I2147"/>
      <c r="J2147"/>
    </row>
    <row r="2148" spans="1:10" x14ac:dyDescent="0.25">
      <c r="A2148" s="7"/>
      <c r="B2148" s="23"/>
      <c r="C2148" t="s">
        <v>473</v>
      </c>
      <c r="D2148" s="23" t="s">
        <v>2241</v>
      </c>
      <c r="E2148" s="1" t="str">
        <f t="shared" ref="E2148" si="491" xml:space="preserve"> HYPERLINK(CONCATENATE("http://www.sap.com/community/tag.html?id=",$F2148))</f>
        <v>http://www.sap.com/community/tag.html?id=67838200100800006730</v>
      </c>
      <c r="F2148" s="23" t="s">
        <v>4308</v>
      </c>
      <c r="G2148"/>
      <c r="H2148"/>
      <c r="I2148"/>
      <c r="J2148"/>
    </row>
    <row r="2149" spans="1:10" x14ac:dyDescent="0.25">
      <c r="A2149" s="7"/>
      <c r="B2149" t="s">
        <v>1961</v>
      </c>
      <c r="C2149" s="23"/>
      <c r="D2149" s="7" t="s">
        <v>5032</v>
      </c>
      <c r="E2149" s="1"/>
      <c r="F2149" s="23" t="s">
        <v>4309</v>
      </c>
      <c r="G2149"/>
      <c r="H2149"/>
      <c r="I2149"/>
      <c r="J2149"/>
    </row>
    <row r="2150" spans="1:10" x14ac:dyDescent="0.25">
      <c r="A2150" s="7"/>
      <c r="B2150"/>
      <c r="C2150" s="23" t="s">
        <v>1961</v>
      </c>
      <c r="D2150" s="23" t="s">
        <v>2241</v>
      </c>
      <c r="E2150" s="1" t="str">
        <f t="shared" ref="E2150" si="492" xml:space="preserve"> HYPERLINK(CONCATENATE("http://www.sap.com/community/tag.html?id=",$F2150))</f>
        <v>http://www.sap.com/community/tag.html?id=01200314690800003843</v>
      </c>
      <c r="F2150" s="23" t="s">
        <v>4310</v>
      </c>
      <c r="G2150"/>
      <c r="H2150"/>
      <c r="I2150"/>
      <c r="J2150"/>
    </row>
    <row r="2151" spans="1:10" x14ac:dyDescent="0.25">
      <c r="A2151" s="7"/>
      <c r="B2151" t="s">
        <v>197</v>
      </c>
      <c r="C2151" s="23"/>
      <c r="D2151" s="7" t="s">
        <v>5032</v>
      </c>
      <c r="E2151" s="1"/>
      <c r="F2151" s="23" t="s">
        <v>4311</v>
      </c>
      <c r="G2151"/>
      <c r="H2151"/>
      <c r="I2151"/>
      <c r="J2151"/>
    </row>
    <row r="2152" spans="1:10" x14ac:dyDescent="0.25">
      <c r="A2152" s="7"/>
      <c r="B2152" s="23"/>
      <c r="C2152" t="s">
        <v>197</v>
      </c>
      <c r="D2152" s="23" t="s">
        <v>2241</v>
      </c>
      <c r="E2152" s="1" t="str">
        <f t="shared" ref="E2152" si="493" xml:space="preserve"> HYPERLINK(CONCATENATE("http://www.sap.com/community/tag.html?id=",$F2152))</f>
        <v>http://www.sap.com/community/tag.html?id=01200314690800001807</v>
      </c>
      <c r="F2152" s="23" t="s">
        <v>4312</v>
      </c>
      <c r="G2152"/>
      <c r="H2152"/>
      <c r="I2152"/>
      <c r="J2152"/>
    </row>
    <row r="2153" spans="1:10" x14ac:dyDescent="0.25">
      <c r="A2153" s="7"/>
      <c r="B2153" t="s">
        <v>1568</v>
      </c>
      <c r="C2153" s="23"/>
      <c r="D2153" s="7" t="s">
        <v>5032</v>
      </c>
      <c r="E2153" s="1"/>
      <c r="F2153" s="23" t="s">
        <v>4313</v>
      </c>
      <c r="G2153"/>
      <c r="H2153"/>
      <c r="I2153"/>
      <c r="J2153"/>
    </row>
    <row r="2154" spans="1:10" x14ac:dyDescent="0.25">
      <c r="A2154" s="7"/>
      <c r="B2154" s="23"/>
      <c r="C2154" t="s">
        <v>1568</v>
      </c>
      <c r="D2154" s="23" t="s">
        <v>2241</v>
      </c>
      <c r="E2154" s="1" t="str">
        <f t="shared" ref="E2154" si="494" xml:space="preserve"> HYPERLINK(CONCATENATE("http://www.sap.com/community/tag.html?id=",$F2154))</f>
        <v>http://www.sap.com/community/tag.html?id=01200615320800003002</v>
      </c>
      <c r="F2154" s="23" t="s">
        <v>4314</v>
      </c>
      <c r="G2154"/>
      <c r="H2154"/>
      <c r="I2154"/>
      <c r="J2154"/>
    </row>
    <row r="2155" spans="1:10" x14ac:dyDescent="0.25">
      <c r="A2155" s="7"/>
      <c r="B2155" t="s">
        <v>5441</v>
      </c>
      <c r="C2155" s="23"/>
      <c r="D2155" s="7" t="s">
        <v>5032</v>
      </c>
      <c r="E2155" s="1"/>
      <c r="F2155" s="23" t="s">
        <v>5440</v>
      </c>
      <c r="G2155"/>
      <c r="H2155"/>
      <c r="I2155"/>
      <c r="J2155"/>
    </row>
    <row r="2156" spans="1:10" x14ac:dyDescent="0.25">
      <c r="A2156" s="7"/>
      <c r="B2156" s="23"/>
      <c r="C2156" t="s">
        <v>5441</v>
      </c>
      <c r="D2156" s="23" t="s">
        <v>2241</v>
      </c>
      <c r="E2156" s="1" t="str">
        <f t="shared" ref="E2156" si="495" xml:space="preserve"> HYPERLINK(CONCATENATE("http://www.sap.com/community/tag.html?id=",$F2156))</f>
        <v>http://www.sap.com/community/tag.html?id=73554900100800000653</v>
      </c>
      <c r="F2156" s="23" t="s">
        <v>5442</v>
      </c>
      <c r="G2156"/>
      <c r="H2156"/>
      <c r="I2156"/>
      <c r="J2156"/>
    </row>
    <row r="2157" spans="1:10" x14ac:dyDescent="0.25">
      <c r="A2157" s="7"/>
      <c r="B2157" t="s">
        <v>103</v>
      </c>
      <c r="C2157" s="23"/>
      <c r="D2157" s="7" t="s">
        <v>5032</v>
      </c>
      <c r="E2157" s="1"/>
      <c r="F2157" s="23" t="s">
        <v>4315</v>
      </c>
      <c r="G2157"/>
      <c r="H2157"/>
      <c r="I2157"/>
      <c r="J2157"/>
    </row>
    <row r="2158" spans="1:10" x14ac:dyDescent="0.25">
      <c r="A2158" s="7"/>
      <c r="B2158"/>
      <c r="C2158" s="23" t="s">
        <v>103</v>
      </c>
      <c r="D2158" s="23" t="s">
        <v>2241</v>
      </c>
      <c r="E2158" s="1" t="str">
        <f t="shared" ref="E2158" si="496" xml:space="preserve"> HYPERLINK(CONCATENATE("http://www.sap.com/community/tag.html?id=",$F2158))</f>
        <v>http://www.sap.com/community/tag.html?id=01200615320800000690</v>
      </c>
      <c r="F2158" s="23" t="s">
        <v>4316</v>
      </c>
      <c r="G2158"/>
      <c r="H2158"/>
      <c r="I2158"/>
      <c r="J2158"/>
    </row>
    <row r="2159" spans="1:10" x14ac:dyDescent="0.25">
      <c r="A2159" s="7"/>
      <c r="B2159" t="s">
        <v>1483</v>
      </c>
      <c r="C2159" s="23"/>
      <c r="D2159" s="7" t="s">
        <v>5032</v>
      </c>
      <c r="E2159" s="1"/>
      <c r="F2159" s="23" t="s">
        <v>4317</v>
      </c>
      <c r="G2159"/>
      <c r="H2159"/>
      <c r="I2159"/>
      <c r="J2159"/>
    </row>
    <row r="2160" spans="1:10" x14ac:dyDescent="0.25">
      <c r="A2160" s="7"/>
      <c r="B2160" s="23"/>
      <c r="C2160" t="s">
        <v>1483</v>
      </c>
      <c r="D2160" s="23" t="s">
        <v>2241</v>
      </c>
      <c r="E2160" s="1" t="str">
        <f t="shared" ref="E2160:E2161" si="497" xml:space="preserve"> HYPERLINK(CONCATENATE("http://www.sap.com/community/tag.html?id=",$F2160))</f>
        <v>http://www.sap.com/community/tag.html?id=01200615320800003651</v>
      </c>
      <c r="F2160" s="23" t="s">
        <v>4318</v>
      </c>
      <c r="G2160"/>
      <c r="H2160"/>
      <c r="I2160"/>
      <c r="J2160"/>
    </row>
    <row r="2161" spans="1:10" x14ac:dyDescent="0.25">
      <c r="A2161" s="7"/>
      <c r="B2161"/>
      <c r="C2161" s="23" t="s">
        <v>5069</v>
      </c>
      <c r="D2161" s="23" t="s">
        <v>2241</v>
      </c>
      <c r="E2161" s="1" t="str">
        <f t="shared" si="497"/>
        <v>http://www.sap.com/community/tag.html?id=73554900100800000404</v>
      </c>
      <c r="F2161" s="23" t="s">
        <v>5120</v>
      </c>
      <c r="G2161"/>
      <c r="H2161"/>
      <c r="I2161"/>
      <c r="J2161"/>
    </row>
    <row r="2162" spans="1:10" x14ac:dyDescent="0.25">
      <c r="A2162" s="7"/>
      <c r="B2162" s="23" t="s">
        <v>1502</v>
      </c>
      <c r="C2162"/>
      <c r="D2162" s="7" t="s">
        <v>5032</v>
      </c>
      <c r="E2162" s="1"/>
      <c r="F2162" s="23" t="s">
        <v>4319</v>
      </c>
      <c r="G2162"/>
      <c r="H2162"/>
      <c r="I2162"/>
      <c r="J2162"/>
    </row>
    <row r="2163" spans="1:10" x14ac:dyDescent="0.25">
      <c r="A2163" s="7"/>
      <c r="B2163"/>
      <c r="C2163" s="23" t="s">
        <v>720</v>
      </c>
      <c r="D2163" s="23" t="s">
        <v>2241</v>
      </c>
      <c r="E2163" s="1" t="str">
        <f t="shared" ref="E2163:E2165" si="498" xml:space="preserve"> HYPERLINK(CONCATENATE("http://www.sap.com/community/tag.html?id=",$F2163))</f>
        <v>http://www.sap.com/community/tag.html?id=67838200100800005403</v>
      </c>
      <c r="F2163" s="23" t="s">
        <v>4320</v>
      </c>
      <c r="G2163"/>
      <c r="H2163"/>
      <c r="I2163"/>
      <c r="J2163"/>
    </row>
    <row r="2164" spans="1:10" x14ac:dyDescent="0.25">
      <c r="A2164" s="7"/>
      <c r="B2164"/>
      <c r="C2164" s="23" t="s">
        <v>651</v>
      </c>
      <c r="D2164" s="23" t="s">
        <v>2241</v>
      </c>
      <c r="E2164" s="1" t="str">
        <f t="shared" si="498"/>
        <v>http://www.sap.com/community/tag.html?id=67838200100800003952</v>
      </c>
      <c r="F2164" s="23" t="s">
        <v>4321</v>
      </c>
      <c r="G2164"/>
      <c r="H2164"/>
      <c r="I2164"/>
      <c r="J2164"/>
    </row>
    <row r="2165" spans="1:10" x14ac:dyDescent="0.25">
      <c r="A2165" s="7"/>
      <c r="B2165"/>
      <c r="C2165" s="23" t="s">
        <v>360</v>
      </c>
      <c r="D2165" s="23" t="s">
        <v>2241</v>
      </c>
      <c r="E2165" s="1" t="str">
        <f t="shared" si="498"/>
        <v>http://www.sap.com/community/tag.html?id=01200615320800000627</v>
      </c>
      <c r="F2165" s="23" t="s">
        <v>4322</v>
      </c>
      <c r="G2165"/>
      <c r="H2165"/>
      <c r="I2165"/>
      <c r="J2165"/>
    </row>
    <row r="2166" spans="1:10" x14ac:dyDescent="0.25">
      <c r="A2166" s="7"/>
      <c r="B2166" s="23" t="s">
        <v>509</v>
      </c>
      <c r="C2166"/>
      <c r="D2166" s="7" t="s">
        <v>5032</v>
      </c>
      <c r="E2166" s="1"/>
      <c r="F2166" s="23" t="s">
        <v>4323</v>
      </c>
      <c r="G2166"/>
      <c r="H2166"/>
      <c r="I2166"/>
      <c r="J2166"/>
    </row>
    <row r="2167" spans="1:10" x14ac:dyDescent="0.25">
      <c r="A2167" s="7"/>
      <c r="B2167"/>
      <c r="C2167" s="23" t="s">
        <v>509</v>
      </c>
      <c r="D2167" s="23" t="s">
        <v>2241</v>
      </c>
      <c r="E2167" s="1" t="str">
        <f t="shared" ref="E2167" si="499" xml:space="preserve"> HYPERLINK(CONCATENATE("http://www.sap.com/community/tag.html?id=",$F2167))</f>
        <v>http://www.sap.com/community/tag.html?id=01200314690800000226</v>
      </c>
      <c r="F2167" s="23" t="s">
        <v>4324</v>
      </c>
      <c r="G2167"/>
      <c r="H2167"/>
      <c r="I2167"/>
      <c r="J2167"/>
    </row>
    <row r="2168" spans="1:10" x14ac:dyDescent="0.25">
      <c r="A2168" s="7"/>
      <c r="B2168" s="23" t="s">
        <v>240</v>
      </c>
      <c r="C2168"/>
      <c r="D2168" s="7" t="s">
        <v>5032</v>
      </c>
      <c r="E2168" s="1"/>
      <c r="F2168" s="23" t="s">
        <v>4325</v>
      </c>
      <c r="G2168"/>
      <c r="H2168"/>
      <c r="I2168"/>
      <c r="J2168"/>
    </row>
    <row r="2169" spans="1:10" x14ac:dyDescent="0.25">
      <c r="A2169" s="7"/>
      <c r="B2169"/>
      <c r="C2169" s="23" t="s">
        <v>240</v>
      </c>
      <c r="D2169" s="23" t="s">
        <v>2241</v>
      </c>
      <c r="E2169" s="1" t="str">
        <f t="shared" ref="E2169" si="500" xml:space="preserve"> HYPERLINK(CONCATENATE("http://www.sap.com/community/tag.html?id=",$F2169))</f>
        <v>http://www.sap.com/community/tag.html?id=67838200100800006194</v>
      </c>
      <c r="F2169" s="23" t="s">
        <v>4326</v>
      </c>
      <c r="G2169"/>
      <c r="H2169"/>
      <c r="I2169"/>
      <c r="J2169"/>
    </row>
    <row r="2170" spans="1:10" x14ac:dyDescent="0.25">
      <c r="A2170" s="7"/>
      <c r="B2170" s="23" t="s">
        <v>1432</v>
      </c>
      <c r="C2170"/>
      <c r="D2170" s="7" t="s">
        <v>5032</v>
      </c>
      <c r="E2170" s="1"/>
      <c r="F2170" s="23" t="s">
        <v>4327</v>
      </c>
      <c r="G2170"/>
      <c r="H2170"/>
      <c r="I2170"/>
      <c r="J2170"/>
    </row>
    <row r="2171" spans="1:10" x14ac:dyDescent="0.25">
      <c r="A2171" s="7"/>
      <c r="B2171"/>
      <c r="C2171" s="23" t="s">
        <v>1432</v>
      </c>
      <c r="D2171" s="23" t="s">
        <v>2241</v>
      </c>
      <c r="E2171" s="1" t="str">
        <f t="shared" ref="E2171:E2173" si="501" xml:space="preserve"> HYPERLINK(CONCATENATE("http://www.sap.com/community/tag.html?id=",$F2171))</f>
        <v>http://www.sap.com/community/tag.html?id=01200314690800001317</v>
      </c>
      <c r="F2171" s="23" t="s">
        <v>4328</v>
      </c>
      <c r="G2171"/>
      <c r="H2171"/>
      <c r="I2171"/>
      <c r="J2171"/>
    </row>
    <row r="2172" spans="1:10" x14ac:dyDescent="0.25">
      <c r="A2172" s="7"/>
      <c r="B2172" s="23"/>
      <c r="C2172" t="s">
        <v>1245</v>
      </c>
      <c r="D2172" s="23" t="s">
        <v>2241</v>
      </c>
      <c r="E2172" s="1" t="str">
        <f t="shared" si="501"/>
        <v>http://www.sap.com/community/tag.html?id=67837800100800005457</v>
      </c>
      <c r="F2172" s="23" t="s">
        <v>4329</v>
      </c>
      <c r="G2172"/>
      <c r="H2172"/>
      <c r="I2172"/>
      <c r="J2172"/>
    </row>
    <row r="2173" spans="1:10" x14ac:dyDescent="0.25">
      <c r="A2173" s="7"/>
      <c r="B2173"/>
      <c r="C2173" s="23" t="s">
        <v>2060</v>
      </c>
      <c r="D2173" s="23" t="s">
        <v>2241</v>
      </c>
      <c r="E2173" s="1" t="str">
        <f t="shared" si="501"/>
        <v>http://www.sap.com/community/tag.html?id=67837800100800006537</v>
      </c>
      <c r="F2173" s="23" t="s">
        <v>4330</v>
      </c>
      <c r="G2173"/>
      <c r="H2173"/>
      <c r="I2173"/>
      <c r="J2173"/>
    </row>
    <row r="2174" spans="1:10" x14ac:dyDescent="0.25">
      <c r="A2174" s="7"/>
      <c r="B2174" t="s">
        <v>505</v>
      </c>
      <c r="C2174" s="23"/>
      <c r="D2174" s="7" t="s">
        <v>5032</v>
      </c>
      <c r="E2174" s="1"/>
      <c r="F2174" s="23" t="s">
        <v>4331</v>
      </c>
      <c r="G2174"/>
      <c r="H2174"/>
      <c r="I2174"/>
      <c r="J2174"/>
    </row>
    <row r="2175" spans="1:10" x14ac:dyDescent="0.25">
      <c r="A2175" s="7"/>
      <c r="B2175"/>
      <c r="C2175" s="23" t="s">
        <v>505</v>
      </c>
      <c r="D2175" s="23" t="s">
        <v>2241</v>
      </c>
      <c r="E2175" s="1" t="str">
        <f t="shared" ref="E2175" si="502" xml:space="preserve"> HYPERLINK(CONCATENATE("http://www.sap.com/community/tag.html?id=",$F2175))</f>
        <v>http://www.sap.com/community/tag.html?id=01200615320800000568</v>
      </c>
      <c r="F2175" s="23" t="s">
        <v>4332</v>
      </c>
      <c r="G2175"/>
      <c r="H2175"/>
      <c r="I2175"/>
      <c r="J2175"/>
    </row>
    <row r="2176" spans="1:10" x14ac:dyDescent="0.25">
      <c r="A2176" s="7"/>
      <c r="B2176" t="s">
        <v>425</v>
      </c>
      <c r="C2176" s="23"/>
      <c r="D2176" s="7" t="s">
        <v>5032</v>
      </c>
      <c r="E2176" s="1"/>
      <c r="F2176" s="23" t="s">
        <v>4333</v>
      </c>
      <c r="G2176"/>
      <c r="H2176"/>
      <c r="I2176"/>
      <c r="J2176"/>
    </row>
    <row r="2177" spans="1:10" x14ac:dyDescent="0.25">
      <c r="A2177" s="7"/>
      <c r="B2177" s="23"/>
      <c r="C2177" t="s">
        <v>425</v>
      </c>
      <c r="D2177" s="23" t="s">
        <v>2241</v>
      </c>
      <c r="E2177" s="1" t="str">
        <f t="shared" ref="E2177:E2179" si="503" xml:space="preserve"> HYPERLINK(CONCATENATE("http://www.sap.com/community/tag.html?id=",$F2177))</f>
        <v>http://www.sap.com/community/tag.html?id=01200615320800000705</v>
      </c>
      <c r="F2177" s="23" t="s">
        <v>4334</v>
      </c>
      <c r="G2177"/>
      <c r="H2177"/>
      <c r="I2177"/>
      <c r="J2177"/>
    </row>
    <row r="2178" spans="1:10" x14ac:dyDescent="0.25">
      <c r="A2178" s="7"/>
      <c r="B2178"/>
      <c r="C2178" s="23" t="s">
        <v>57</v>
      </c>
      <c r="D2178" s="23" t="s">
        <v>2241</v>
      </c>
      <c r="E2178" s="1" t="str">
        <f t="shared" si="503"/>
        <v>http://www.sap.com/community/tag.html?id=67838200100800004271</v>
      </c>
      <c r="F2178" s="23" t="s">
        <v>4335</v>
      </c>
      <c r="G2178"/>
      <c r="H2178"/>
      <c r="I2178"/>
      <c r="J2178"/>
    </row>
    <row r="2179" spans="1:10" x14ac:dyDescent="0.25">
      <c r="A2179" s="7"/>
      <c r="B2179" s="23"/>
      <c r="C2179" t="s">
        <v>1759</v>
      </c>
      <c r="D2179" s="23" t="s">
        <v>2241</v>
      </c>
      <c r="E2179" s="1" t="str">
        <f t="shared" si="503"/>
        <v>http://www.sap.com/community/tag.html?id=73554900100800000335</v>
      </c>
      <c r="F2179" s="23" t="s">
        <v>4336</v>
      </c>
      <c r="G2179"/>
      <c r="H2179"/>
      <c r="I2179"/>
      <c r="J2179"/>
    </row>
    <row r="2180" spans="1:10" x14ac:dyDescent="0.25">
      <c r="A2180" s="7"/>
      <c r="B2180" t="s">
        <v>2088</v>
      </c>
      <c r="C2180" s="23"/>
      <c r="D2180" s="7" t="s">
        <v>5032</v>
      </c>
      <c r="E2180" s="1"/>
      <c r="F2180" s="23" t="s">
        <v>4337</v>
      </c>
      <c r="G2180"/>
      <c r="H2180"/>
      <c r="I2180"/>
      <c r="J2180"/>
    </row>
    <row r="2181" spans="1:10" x14ac:dyDescent="0.25">
      <c r="A2181" s="7"/>
      <c r="B2181" s="23"/>
      <c r="C2181" t="s">
        <v>2088</v>
      </c>
      <c r="D2181" s="23" t="s">
        <v>2241</v>
      </c>
      <c r="E2181" s="1" t="str">
        <f t="shared" ref="E2181" si="504" xml:space="preserve"> HYPERLINK(CONCATENATE("http://www.sap.com/community/tag.html?id=",$F2181))</f>
        <v>http://www.sap.com/community/tag.html?id=73555000100800000346</v>
      </c>
      <c r="F2181" s="23" t="s">
        <v>4338</v>
      </c>
      <c r="G2181"/>
      <c r="H2181"/>
      <c r="I2181"/>
      <c r="J2181"/>
    </row>
    <row r="2182" spans="1:10" x14ac:dyDescent="0.25">
      <c r="A2182" s="7"/>
      <c r="B2182" t="s">
        <v>880</v>
      </c>
      <c r="C2182" s="23"/>
      <c r="D2182" s="7" t="s">
        <v>5032</v>
      </c>
      <c r="E2182" s="1"/>
      <c r="F2182" s="23" t="s">
        <v>4339</v>
      </c>
      <c r="G2182"/>
      <c r="H2182"/>
      <c r="I2182"/>
      <c r="J2182"/>
    </row>
    <row r="2183" spans="1:10" x14ac:dyDescent="0.25">
      <c r="A2183" s="7"/>
      <c r="B2183"/>
      <c r="C2183" s="23" t="s">
        <v>880</v>
      </c>
      <c r="D2183" s="23" t="s">
        <v>2241</v>
      </c>
      <c r="E2183" s="1" t="str">
        <f t="shared" ref="E2183" si="505" xml:space="preserve"> HYPERLINK(CONCATENATE("http://www.sap.com/community/tag.html?id=",$F2183))</f>
        <v>http://www.sap.com/community/tag.html?id=01200615320800000553</v>
      </c>
      <c r="F2183" s="23" t="s">
        <v>4340</v>
      </c>
      <c r="G2183"/>
      <c r="H2183"/>
      <c r="I2183"/>
      <c r="J2183"/>
    </row>
    <row r="2184" spans="1:10" x14ac:dyDescent="0.25">
      <c r="A2184" s="7"/>
      <c r="B2184" s="23" t="s">
        <v>471</v>
      </c>
      <c r="C2184"/>
      <c r="D2184" s="7" t="s">
        <v>5032</v>
      </c>
      <c r="E2184" s="1"/>
      <c r="F2184" s="23" t="s">
        <v>4341</v>
      </c>
      <c r="G2184"/>
      <c r="H2184"/>
      <c r="I2184"/>
      <c r="J2184"/>
    </row>
    <row r="2185" spans="1:10" x14ac:dyDescent="0.25">
      <c r="A2185" s="7"/>
      <c r="B2185"/>
      <c r="C2185" s="23" t="s">
        <v>2175</v>
      </c>
      <c r="D2185" s="23" t="s">
        <v>2241</v>
      </c>
      <c r="E2185" s="1" t="str">
        <f t="shared" ref="E2185" si="506" xml:space="preserve"> HYPERLINK(CONCATENATE("http://www.sap.com/community/tag.html?id=",$F2185))</f>
        <v>http://www.sap.com/community/tag.html?id=67837800100800006641</v>
      </c>
      <c r="F2185" s="23" t="s">
        <v>4342</v>
      </c>
      <c r="G2185"/>
      <c r="H2185"/>
      <c r="I2185"/>
      <c r="J2185"/>
    </row>
    <row r="2186" spans="1:10" x14ac:dyDescent="0.25">
      <c r="A2186" s="7"/>
      <c r="B2186" t="s">
        <v>1329</v>
      </c>
      <c r="C2186" s="23"/>
      <c r="D2186" s="7" t="s">
        <v>5032</v>
      </c>
      <c r="E2186" s="1"/>
      <c r="F2186" s="23" t="s">
        <v>4343</v>
      </c>
      <c r="G2186"/>
      <c r="H2186"/>
      <c r="I2186"/>
      <c r="J2186"/>
    </row>
    <row r="2187" spans="1:10" x14ac:dyDescent="0.25">
      <c r="A2187" s="7"/>
      <c r="B2187" s="23"/>
      <c r="C2187" t="s">
        <v>1117</v>
      </c>
      <c r="D2187" s="23" t="s">
        <v>2241</v>
      </c>
      <c r="E2187" s="1" t="str">
        <f t="shared" ref="E2187:E2190" si="507" xml:space="preserve"> HYPERLINK(CONCATENATE("http://www.sap.com/community/tag.html?id=",$F2187))</f>
        <v>http://www.sap.com/community/tag.html?id=01200314690800003147</v>
      </c>
      <c r="F2187" s="23" t="s">
        <v>4344</v>
      </c>
      <c r="G2187"/>
      <c r="H2187"/>
      <c r="I2187"/>
      <c r="J2187"/>
    </row>
    <row r="2188" spans="1:10" x14ac:dyDescent="0.25">
      <c r="A2188" s="7"/>
      <c r="B2188"/>
      <c r="C2188" s="23" t="s">
        <v>512</v>
      </c>
      <c r="D2188" s="23" t="s">
        <v>2241</v>
      </c>
      <c r="E2188" s="1" t="str">
        <f t="shared" si="507"/>
        <v>http://www.sap.com/community/tag.html?id=01200615320800000634</v>
      </c>
      <c r="F2188" s="23" t="s">
        <v>4345</v>
      </c>
      <c r="G2188"/>
      <c r="H2188"/>
      <c r="I2188"/>
      <c r="J2188"/>
    </row>
    <row r="2189" spans="1:10" x14ac:dyDescent="0.25">
      <c r="A2189" s="7"/>
      <c r="B2189" s="23"/>
      <c r="C2189" t="s">
        <v>474</v>
      </c>
      <c r="D2189" s="23" t="s">
        <v>2241</v>
      </c>
      <c r="E2189" s="1" t="str">
        <f t="shared" si="507"/>
        <v>http://www.sap.com/community/tag.html?id=67838200100800006950</v>
      </c>
      <c r="F2189" s="23" t="s">
        <v>4346</v>
      </c>
      <c r="G2189"/>
      <c r="H2189"/>
      <c r="I2189"/>
      <c r="J2189"/>
    </row>
    <row r="2190" spans="1:10" x14ac:dyDescent="0.25">
      <c r="A2190" s="7"/>
      <c r="B2190"/>
      <c r="C2190" s="23" t="s">
        <v>5070</v>
      </c>
      <c r="D2190" s="23" t="s">
        <v>2241</v>
      </c>
      <c r="E2190" s="1" t="str">
        <f t="shared" si="507"/>
        <v>http://www.sap.com/community/tag.html?id=73554900100800000724</v>
      </c>
      <c r="F2190" s="23" t="s">
        <v>5121</v>
      </c>
      <c r="G2190"/>
      <c r="H2190"/>
      <c r="I2190"/>
      <c r="J2190"/>
    </row>
    <row r="2191" spans="1:10" x14ac:dyDescent="0.25">
      <c r="A2191" s="7"/>
      <c r="B2191" t="s">
        <v>972</v>
      </c>
      <c r="C2191" s="23"/>
      <c r="D2191" s="7" t="s">
        <v>5032</v>
      </c>
      <c r="E2191" s="1"/>
      <c r="F2191" s="23" t="s">
        <v>4347</v>
      </c>
      <c r="G2191"/>
      <c r="H2191"/>
      <c r="I2191"/>
      <c r="J2191"/>
    </row>
    <row r="2192" spans="1:10" x14ac:dyDescent="0.25">
      <c r="A2192" s="7"/>
      <c r="B2192"/>
      <c r="C2192" s="23" t="s">
        <v>972</v>
      </c>
      <c r="D2192" s="23" t="s">
        <v>2241</v>
      </c>
      <c r="E2192" s="1" t="str">
        <f t="shared" ref="E2192" si="508" xml:space="preserve"> HYPERLINK(CONCATENATE("http://www.sap.com/community/tag.html?id=",$F2192))</f>
        <v>http://www.sap.com/community/tag.html?id=01200314690800001668</v>
      </c>
      <c r="F2192" s="23" t="s">
        <v>4348</v>
      </c>
      <c r="G2192"/>
      <c r="H2192"/>
      <c r="I2192"/>
      <c r="J2192"/>
    </row>
    <row r="2193" spans="1:10" x14ac:dyDescent="0.25">
      <c r="A2193" s="7"/>
      <c r="B2193" t="s">
        <v>1812</v>
      </c>
      <c r="C2193" s="23"/>
      <c r="D2193" s="7" t="s">
        <v>5032</v>
      </c>
      <c r="E2193" s="1"/>
      <c r="F2193" s="23" t="s">
        <v>4349</v>
      </c>
      <c r="G2193"/>
      <c r="H2193"/>
      <c r="I2193"/>
      <c r="J2193"/>
    </row>
    <row r="2194" spans="1:10" x14ac:dyDescent="0.25">
      <c r="A2194" s="7"/>
      <c r="B2194"/>
      <c r="C2194" s="23" t="s">
        <v>1812</v>
      </c>
      <c r="D2194" s="23" t="s">
        <v>2241</v>
      </c>
      <c r="E2194" s="1" t="str">
        <f t="shared" ref="E2194" si="509" xml:space="preserve"> HYPERLINK(CONCATENATE("http://www.sap.com/community/tag.html?id=",$F2194))</f>
        <v>http://www.sap.com/community/tag.html?id=73555000100800000347</v>
      </c>
      <c r="F2194" s="23" t="s">
        <v>4350</v>
      </c>
      <c r="G2194"/>
      <c r="H2194"/>
      <c r="I2194"/>
      <c r="J2194"/>
    </row>
    <row r="2195" spans="1:10" x14ac:dyDescent="0.25">
      <c r="A2195" s="7"/>
      <c r="B2195" t="s">
        <v>2136</v>
      </c>
      <c r="C2195" s="23"/>
      <c r="D2195" s="7" t="s">
        <v>5032</v>
      </c>
      <c r="E2195" s="1"/>
      <c r="F2195" s="23" t="s">
        <v>4351</v>
      </c>
      <c r="G2195"/>
      <c r="H2195"/>
      <c r="I2195"/>
      <c r="J2195"/>
    </row>
    <row r="2196" spans="1:10" x14ac:dyDescent="0.25">
      <c r="A2196" s="7"/>
      <c r="B2196"/>
      <c r="C2196" s="23" t="s">
        <v>2136</v>
      </c>
      <c r="D2196" s="23" t="s">
        <v>2241</v>
      </c>
      <c r="E2196" s="1" t="str">
        <f t="shared" ref="E2196:E2197" si="510" xml:space="preserve"> HYPERLINK(CONCATENATE("http://www.sap.com/community/tag.html?id=",$F2196))</f>
        <v>http://www.sap.com/community/tag.html?id=67837800100800004491</v>
      </c>
      <c r="F2196" s="23" t="s">
        <v>4352</v>
      </c>
      <c r="G2196"/>
      <c r="H2196"/>
      <c r="I2196"/>
      <c r="J2196"/>
    </row>
    <row r="2197" spans="1:10" x14ac:dyDescent="0.25">
      <c r="A2197" s="7"/>
      <c r="B2197" s="23"/>
      <c r="C2197" t="s">
        <v>19</v>
      </c>
      <c r="D2197" s="23" t="s">
        <v>2241</v>
      </c>
      <c r="E2197" s="1" t="str">
        <f t="shared" si="510"/>
        <v>http://www.sap.com/community/tag.html?id=67837800100800004882</v>
      </c>
      <c r="F2197" s="23" t="s">
        <v>4353</v>
      </c>
      <c r="G2197"/>
      <c r="H2197"/>
      <c r="I2197"/>
      <c r="J2197"/>
    </row>
    <row r="2198" spans="1:10" x14ac:dyDescent="0.25">
      <c r="A2198" s="7"/>
      <c r="B2198" t="s">
        <v>1826</v>
      </c>
      <c r="C2198" s="23"/>
      <c r="D2198" s="7" t="s">
        <v>5032</v>
      </c>
      <c r="E2198" s="1"/>
      <c r="F2198" s="23" t="s">
        <v>4354</v>
      </c>
      <c r="G2198"/>
      <c r="H2198"/>
      <c r="I2198"/>
      <c r="J2198"/>
    </row>
    <row r="2199" spans="1:10" x14ac:dyDescent="0.25">
      <c r="A2199" s="7"/>
      <c r="B2199"/>
      <c r="C2199" s="23" t="s">
        <v>1565</v>
      </c>
      <c r="D2199" s="23" t="s">
        <v>2241</v>
      </c>
      <c r="E2199" s="1" t="str">
        <f t="shared" ref="E2199:E2200" si="511" xml:space="preserve"> HYPERLINK(CONCATENATE("http://www.sap.com/community/tag.html?id=",$F2199))</f>
        <v>http://www.sap.com/community/tag.html?id=01200615320800002708</v>
      </c>
      <c r="F2199" s="23" t="s">
        <v>4355</v>
      </c>
      <c r="G2199"/>
      <c r="H2199"/>
      <c r="I2199"/>
      <c r="J2199"/>
    </row>
    <row r="2200" spans="1:10" x14ac:dyDescent="0.25">
      <c r="A2200" s="7"/>
      <c r="B2200" s="23"/>
      <c r="C2200" t="s">
        <v>1826</v>
      </c>
      <c r="D2200" s="23" t="s">
        <v>2241</v>
      </c>
      <c r="E2200" s="1" t="str">
        <f t="shared" si="511"/>
        <v>http://www.sap.com/community/tag.html?id=01200314690800003775</v>
      </c>
      <c r="F2200" s="23" t="s">
        <v>4356</v>
      </c>
      <c r="G2200"/>
      <c r="H2200"/>
      <c r="I2200"/>
      <c r="J2200"/>
    </row>
    <row r="2201" spans="1:10" x14ac:dyDescent="0.25">
      <c r="A2201" s="7"/>
      <c r="B2201" t="s">
        <v>1433</v>
      </c>
      <c r="C2201" s="23"/>
      <c r="D2201" s="7" t="s">
        <v>5032</v>
      </c>
      <c r="E2201" s="1"/>
      <c r="F2201" s="23" t="s">
        <v>4357</v>
      </c>
      <c r="G2201"/>
      <c r="H2201"/>
      <c r="I2201"/>
      <c r="J2201"/>
    </row>
    <row r="2202" spans="1:10" x14ac:dyDescent="0.25">
      <c r="A2202" s="7"/>
      <c r="B2202" s="23"/>
      <c r="C2202" t="s">
        <v>1433</v>
      </c>
      <c r="D2202" s="23" t="s">
        <v>2241</v>
      </c>
      <c r="E2202" s="1" t="str">
        <f t="shared" ref="E2202" si="512" xml:space="preserve"> HYPERLINK(CONCATENATE("http://www.sap.com/community/tag.html?id=",$F2202))</f>
        <v>http://www.sap.com/community/tag.html?id=67838200100800006742</v>
      </c>
      <c r="F2202" s="23" t="s">
        <v>4358</v>
      </c>
      <c r="G2202"/>
      <c r="H2202"/>
      <c r="I2202"/>
      <c r="J2202"/>
    </row>
    <row r="2203" spans="1:10" x14ac:dyDescent="0.25">
      <c r="A2203" s="7"/>
      <c r="B2203" t="s">
        <v>1944</v>
      </c>
      <c r="C2203" s="23"/>
      <c r="D2203" s="7" t="s">
        <v>5032</v>
      </c>
      <c r="E2203" s="1"/>
      <c r="F2203" s="23" t="s">
        <v>4359</v>
      </c>
      <c r="G2203"/>
      <c r="H2203"/>
      <c r="I2203"/>
      <c r="J2203"/>
    </row>
    <row r="2204" spans="1:10" x14ac:dyDescent="0.25">
      <c r="A2204" s="7"/>
      <c r="B2204"/>
      <c r="C2204" s="23" t="s">
        <v>1944</v>
      </c>
      <c r="D2204" s="23" t="s">
        <v>2241</v>
      </c>
      <c r="E2204" s="1" t="str">
        <f t="shared" ref="E2204:E2210" si="513" xml:space="preserve"> HYPERLINK(CONCATENATE("http://www.sap.com/community/tag.html?id=",$F2204))</f>
        <v>http://www.sap.com/community/tag.html?id=67837800100800006432</v>
      </c>
      <c r="F2204" s="23" t="s">
        <v>4360</v>
      </c>
      <c r="G2204"/>
      <c r="H2204"/>
      <c r="I2204"/>
      <c r="J2204"/>
    </row>
    <row r="2205" spans="1:10" x14ac:dyDescent="0.25">
      <c r="A2205" s="7"/>
      <c r="B2205"/>
      <c r="C2205" s="23" t="s">
        <v>213</v>
      </c>
      <c r="D2205" s="23" t="s">
        <v>2241</v>
      </c>
      <c r="E2205" s="1" t="str">
        <f t="shared" si="513"/>
        <v>http://www.sap.com/community/tag.html?id=67838200100800004869</v>
      </c>
      <c r="F2205" s="23" t="s">
        <v>4361</v>
      </c>
      <c r="G2205"/>
      <c r="H2205"/>
      <c r="I2205"/>
      <c r="J2205"/>
    </row>
    <row r="2206" spans="1:10" x14ac:dyDescent="0.25">
      <c r="A2206" s="7"/>
      <c r="B2206"/>
      <c r="C2206" s="23" t="s">
        <v>1238</v>
      </c>
      <c r="D2206" s="23" t="s">
        <v>2241</v>
      </c>
      <c r="E2206" s="1" t="str">
        <f t="shared" si="513"/>
        <v>http://www.sap.com/community/tag.html?id=67838200100800005711</v>
      </c>
      <c r="F2206" s="23" t="s">
        <v>4362</v>
      </c>
      <c r="G2206"/>
      <c r="H2206"/>
      <c r="I2206"/>
      <c r="J2206"/>
    </row>
    <row r="2207" spans="1:10" x14ac:dyDescent="0.25">
      <c r="A2207" s="7"/>
      <c r="B2207"/>
      <c r="C2207" s="23" t="s">
        <v>1665</v>
      </c>
      <c r="D2207" s="23" t="s">
        <v>2241</v>
      </c>
      <c r="E2207" s="1" t="str">
        <f t="shared" si="513"/>
        <v>http://www.sap.com/community/tag.html?id=73554900100800000162</v>
      </c>
      <c r="F2207" s="23" t="s">
        <v>4363</v>
      </c>
      <c r="G2207"/>
      <c r="H2207"/>
      <c r="I2207"/>
      <c r="J2207"/>
    </row>
    <row r="2208" spans="1:10" x14ac:dyDescent="0.25">
      <c r="A2208" s="7"/>
      <c r="B2208" s="23"/>
      <c r="C2208" t="s">
        <v>1951</v>
      </c>
      <c r="D2208" s="23" t="s">
        <v>2241</v>
      </c>
      <c r="E2208" s="1" t="str">
        <f t="shared" si="513"/>
        <v>http://www.sap.com/community/tag.html?id=67838200100800006771</v>
      </c>
      <c r="F2208" s="23" t="s">
        <v>4364</v>
      </c>
      <c r="G2208"/>
      <c r="H2208"/>
      <c r="I2208"/>
      <c r="J2208"/>
    </row>
    <row r="2209" spans="1:10" x14ac:dyDescent="0.25">
      <c r="A2209" s="7"/>
      <c r="B2209"/>
      <c r="C2209" s="23" t="s">
        <v>2227</v>
      </c>
      <c r="D2209" s="23" t="s">
        <v>2241</v>
      </c>
      <c r="E2209" s="1" t="str">
        <f t="shared" si="513"/>
        <v>http://www.sap.com/community/tag.html?id=67838200100800005958</v>
      </c>
      <c r="F2209" s="23" t="s">
        <v>4365</v>
      </c>
      <c r="G2209"/>
      <c r="H2209"/>
      <c r="I2209"/>
      <c r="J2209"/>
    </row>
    <row r="2210" spans="1:10" x14ac:dyDescent="0.25">
      <c r="A2210" s="7"/>
      <c r="B2210"/>
      <c r="C2210" s="23" t="s">
        <v>1032</v>
      </c>
      <c r="D2210" s="23" t="s">
        <v>2241</v>
      </c>
      <c r="E2210" s="1" t="str">
        <f t="shared" si="513"/>
        <v>http://www.sap.com/community/tag.html?id=67838200100800005941</v>
      </c>
      <c r="F2210" s="23" t="s">
        <v>4366</v>
      </c>
      <c r="G2210"/>
      <c r="H2210"/>
      <c r="I2210"/>
      <c r="J2210"/>
    </row>
    <row r="2211" spans="1:10" x14ac:dyDescent="0.25">
      <c r="A2211" s="7"/>
      <c r="B2211" t="s">
        <v>783</v>
      </c>
      <c r="C2211" s="23"/>
      <c r="D2211" s="7" t="s">
        <v>5032</v>
      </c>
      <c r="E2211" s="1"/>
      <c r="F2211" s="23" t="s">
        <v>4367</v>
      </c>
      <c r="G2211"/>
      <c r="H2211"/>
      <c r="I2211"/>
      <c r="J2211"/>
    </row>
    <row r="2212" spans="1:10" x14ac:dyDescent="0.25">
      <c r="A2212" s="7"/>
      <c r="B2212" s="23"/>
      <c r="C2212" t="s">
        <v>783</v>
      </c>
      <c r="D2212" s="23" t="s">
        <v>2241</v>
      </c>
      <c r="E2212" s="1" t="str">
        <f t="shared" ref="E2212:E2213" si="514" xml:space="preserve"> HYPERLINK(CONCATENATE("http://www.sap.com/community/tag.html?id=",$F2212))</f>
        <v>http://www.sap.com/community/tag.html?id=01200615320800003660</v>
      </c>
      <c r="F2212" s="23" t="s">
        <v>4368</v>
      </c>
      <c r="G2212"/>
      <c r="H2212"/>
      <c r="I2212"/>
      <c r="J2212"/>
    </row>
    <row r="2213" spans="1:10" x14ac:dyDescent="0.25">
      <c r="A2213" s="7"/>
      <c r="B2213"/>
      <c r="C2213" s="23" t="s">
        <v>98</v>
      </c>
      <c r="D2213" s="23" t="s">
        <v>2241</v>
      </c>
      <c r="E2213" s="1" t="str">
        <f t="shared" si="514"/>
        <v>http://www.sap.com/community/tag.html?id=01200615320800004035</v>
      </c>
      <c r="F2213" s="23" t="s">
        <v>4369</v>
      </c>
      <c r="G2213"/>
      <c r="H2213"/>
      <c r="I2213"/>
      <c r="J2213"/>
    </row>
    <row r="2214" spans="1:10" x14ac:dyDescent="0.25">
      <c r="A2214" s="7"/>
      <c r="B2214" t="s">
        <v>448</v>
      </c>
      <c r="C2214" s="23"/>
      <c r="D2214" s="7" t="s">
        <v>5032</v>
      </c>
      <c r="E2214" s="1"/>
      <c r="F2214" s="23" t="s">
        <v>4370</v>
      </c>
      <c r="G2214"/>
      <c r="H2214"/>
      <c r="I2214"/>
      <c r="J2214"/>
    </row>
    <row r="2215" spans="1:10" x14ac:dyDescent="0.25">
      <c r="A2215" s="7"/>
      <c r="B2215" s="23"/>
      <c r="C2215" t="s">
        <v>448</v>
      </c>
      <c r="D2215" s="23" t="s">
        <v>2241</v>
      </c>
      <c r="E2215" s="1" t="str">
        <f t="shared" ref="E2215" si="515" xml:space="preserve"> HYPERLINK(CONCATENATE("http://www.sap.com/community/tag.html?id=",$F2215))</f>
        <v>http://www.sap.com/community/tag.html?id=67838200100800006587</v>
      </c>
      <c r="F2215" s="23" t="s">
        <v>4371</v>
      </c>
      <c r="G2215"/>
      <c r="H2215"/>
      <c r="I2215"/>
      <c r="J2215"/>
    </row>
    <row r="2216" spans="1:10" x14ac:dyDescent="0.25">
      <c r="A2216" s="7"/>
      <c r="B2216" t="s">
        <v>437</v>
      </c>
      <c r="C2216" s="23"/>
      <c r="D2216" s="7" t="s">
        <v>5032</v>
      </c>
      <c r="E2216" s="1"/>
      <c r="F2216" s="23" t="s">
        <v>4372</v>
      </c>
      <c r="G2216"/>
      <c r="H2216"/>
      <c r="I2216"/>
      <c r="J2216"/>
    </row>
    <row r="2217" spans="1:10" x14ac:dyDescent="0.25">
      <c r="A2217" s="7"/>
      <c r="B2217"/>
      <c r="C2217" s="23" t="s">
        <v>1201</v>
      </c>
      <c r="D2217" s="23" t="s">
        <v>2241</v>
      </c>
      <c r="E2217" s="1" t="str">
        <f t="shared" ref="E2217:E2221" si="516" xml:space="preserve"> HYPERLINK(CONCATENATE("http://www.sap.com/community/tag.html?id=",$F2217))</f>
        <v>http://www.sap.com/community/tag.html?id=01200615320800002972</v>
      </c>
      <c r="F2217" s="23" t="s">
        <v>4373</v>
      </c>
      <c r="G2217"/>
      <c r="H2217"/>
      <c r="I2217"/>
      <c r="J2217"/>
    </row>
    <row r="2218" spans="1:10" x14ac:dyDescent="0.25">
      <c r="A2218" s="7"/>
      <c r="B2218"/>
      <c r="C2218" s="23" t="s">
        <v>437</v>
      </c>
      <c r="D2218" s="23" t="s">
        <v>2241</v>
      </c>
      <c r="E2218" s="1" t="str">
        <f t="shared" si="516"/>
        <v>http://www.sap.com/community/tag.html?id=67838200100800004021</v>
      </c>
      <c r="F2218" s="23" t="s">
        <v>4374</v>
      </c>
      <c r="G2218"/>
      <c r="H2218"/>
      <c r="I2218"/>
      <c r="J2218"/>
    </row>
    <row r="2219" spans="1:10" x14ac:dyDescent="0.25">
      <c r="A2219" s="7"/>
      <c r="B2219"/>
      <c r="C2219" s="23" t="s">
        <v>782</v>
      </c>
      <c r="D2219" s="23" t="s">
        <v>2241</v>
      </c>
      <c r="E2219" s="1" t="str">
        <f t="shared" si="516"/>
        <v>http://www.sap.com/community/tag.html?id=67838200100800004023</v>
      </c>
      <c r="F2219" s="23" t="s">
        <v>4375</v>
      </c>
      <c r="G2219"/>
      <c r="H2219"/>
      <c r="I2219"/>
      <c r="J2219"/>
    </row>
    <row r="2220" spans="1:10" x14ac:dyDescent="0.25">
      <c r="A2220" s="7"/>
      <c r="B2220" s="23"/>
      <c r="C2220" t="s">
        <v>23</v>
      </c>
      <c r="D2220" s="23" t="s">
        <v>2241</v>
      </c>
      <c r="E2220" s="1" t="str">
        <f t="shared" si="516"/>
        <v>http://www.sap.com/community/tag.html?id=67838200100800004842</v>
      </c>
      <c r="F2220" s="23" t="s">
        <v>4376</v>
      </c>
      <c r="G2220"/>
      <c r="H2220"/>
      <c r="I2220"/>
      <c r="J2220"/>
    </row>
    <row r="2221" spans="1:10" x14ac:dyDescent="0.25">
      <c r="A2221" s="7"/>
      <c r="B2221"/>
      <c r="C2221" s="23" t="s">
        <v>1304</v>
      </c>
      <c r="D2221" s="23" t="s">
        <v>2241</v>
      </c>
      <c r="E2221" s="1" t="str">
        <f t="shared" si="516"/>
        <v>http://www.sap.com/community/tag.html?id=67838200100800006250</v>
      </c>
      <c r="F2221" s="23" t="s">
        <v>4377</v>
      </c>
      <c r="G2221"/>
      <c r="H2221"/>
      <c r="I2221"/>
      <c r="J2221"/>
    </row>
    <row r="2222" spans="1:10" x14ac:dyDescent="0.25">
      <c r="A2222" s="7"/>
      <c r="B2222" s="23" t="s">
        <v>2066</v>
      </c>
      <c r="C2222"/>
      <c r="D2222" s="7" t="s">
        <v>5032</v>
      </c>
      <c r="E2222" s="1"/>
      <c r="F2222" s="23" t="s">
        <v>4378</v>
      </c>
      <c r="G2222"/>
      <c r="H2222"/>
      <c r="I2222"/>
      <c r="J2222"/>
    </row>
    <row r="2223" spans="1:10" x14ac:dyDescent="0.25">
      <c r="A2223" s="7"/>
      <c r="B2223"/>
      <c r="C2223" s="23" t="s">
        <v>314</v>
      </c>
      <c r="D2223" s="23" t="s">
        <v>2241</v>
      </c>
      <c r="E2223" s="1" t="str">
        <f t="shared" ref="E2223:E2225" si="517" xml:space="preserve"> HYPERLINK(CONCATENATE("http://www.sap.com/community/tag.html?id=",$F2223))</f>
        <v>http://www.sap.com/community/tag.html?id=01200314690800002040</v>
      </c>
      <c r="F2223" s="23" t="s">
        <v>4379</v>
      </c>
      <c r="G2223"/>
      <c r="H2223"/>
      <c r="I2223"/>
      <c r="J2223"/>
    </row>
    <row r="2224" spans="1:10" x14ac:dyDescent="0.25">
      <c r="A2224" s="7"/>
      <c r="B2224" s="23"/>
      <c r="C2224" t="s">
        <v>2066</v>
      </c>
      <c r="D2224" s="23" t="s">
        <v>2241</v>
      </c>
      <c r="E2224" s="1" t="str">
        <f t="shared" si="517"/>
        <v>http://www.sap.com/community/tag.html?id=01200615320800000766</v>
      </c>
      <c r="F2224" s="23" t="s">
        <v>4380</v>
      </c>
      <c r="G2224"/>
      <c r="H2224"/>
      <c r="I2224"/>
      <c r="J2224"/>
    </row>
    <row r="2225" spans="1:10" x14ac:dyDescent="0.25">
      <c r="A2225" s="7"/>
      <c r="B2225"/>
      <c r="C2225" s="23" t="s">
        <v>1910</v>
      </c>
      <c r="D2225" s="23" t="s">
        <v>2241</v>
      </c>
      <c r="E2225" s="1" t="str">
        <f t="shared" si="517"/>
        <v>http://www.sap.com/community/tag.html?id=01200615320800000786</v>
      </c>
      <c r="F2225" s="23" t="s">
        <v>4381</v>
      </c>
      <c r="G2225"/>
      <c r="H2225"/>
      <c r="I2225"/>
      <c r="J2225"/>
    </row>
    <row r="2226" spans="1:10" x14ac:dyDescent="0.25">
      <c r="A2226" s="7"/>
      <c r="B2226" t="s">
        <v>332</v>
      </c>
      <c r="C2226" s="23"/>
      <c r="D2226" s="7" t="s">
        <v>5032</v>
      </c>
      <c r="E2226" s="1"/>
      <c r="F2226" s="23" t="s">
        <v>4382</v>
      </c>
      <c r="G2226"/>
      <c r="H2226"/>
      <c r="I2226"/>
      <c r="J2226"/>
    </row>
    <row r="2227" spans="1:10" x14ac:dyDescent="0.25">
      <c r="A2227" s="7"/>
      <c r="B2227"/>
      <c r="C2227" s="23" t="s">
        <v>2029</v>
      </c>
      <c r="D2227" s="23" t="s">
        <v>2241</v>
      </c>
      <c r="E2227" s="1" t="str">
        <f t="shared" ref="E2227:E2228" si="518" xml:space="preserve"> HYPERLINK(CONCATENATE("http://www.sap.com/community/tag.html?id=",$F2227))</f>
        <v>http://www.sap.com/community/tag.html?id=67838200100800005425</v>
      </c>
      <c r="F2227" s="23" t="s">
        <v>4383</v>
      </c>
      <c r="G2227"/>
      <c r="H2227"/>
      <c r="I2227"/>
      <c r="J2227"/>
    </row>
    <row r="2228" spans="1:10" x14ac:dyDescent="0.25">
      <c r="A2228" s="7"/>
      <c r="B2228"/>
      <c r="C2228" s="23" t="s">
        <v>953</v>
      </c>
      <c r="D2228" s="23" t="s">
        <v>2241</v>
      </c>
      <c r="E2228" s="1" t="str">
        <f t="shared" si="518"/>
        <v>http://www.sap.com/community/tag.html?id=67837800100800004463</v>
      </c>
      <c r="F2228" s="23" t="s">
        <v>4384</v>
      </c>
      <c r="G2228"/>
      <c r="H2228"/>
      <c r="I2228"/>
      <c r="J2228"/>
    </row>
    <row r="2229" spans="1:10" x14ac:dyDescent="0.25">
      <c r="A2229" s="7"/>
      <c r="B2229" t="s">
        <v>5444</v>
      </c>
      <c r="C2229" s="23"/>
      <c r="D2229" s="7" t="s">
        <v>5032</v>
      </c>
      <c r="E2229" s="1"/>
      <c r="F2229" s="23" t="s">
        <v>5443</v>
      </c>
      <c r="G2229"/>
      <c r="H2229"/>
      <c r="I2229"/>
      <c r="J2229"/>
    </row>
    <row r="2230" spans="1:10" x14ac:dyDescent="0.25">
      <c r="A2230" s="7"/>
      <c r="B2230"/>
      <c r="C2230" s="23" t="s">
        <v>5446</v>
      </c>
      <c r="D2230" s="23" t="s">
        <v>2241</v>
      </c>
      <c r="E2230" s="1" t="str">
        <f t="shared" ref="E2230" si="519" xml:space="preserve"> HYPERLINK(CONCATENATE("http://www.sap.com/community/tag.html?id=",$F2230))</f>
        <v>http://www.sap.com/community/tag.html?id=73555000100800000464</v>
      </c>
      <c r="F2230" s="23" t="s">
        <v>5445</v>
      </c>
      <c r="G2230"/>
      <c r="H2230"/>
      <c r="I2230"/>
      <c r="J2230"/>
    </row>
    <row r="2231" spans="1:10" x14ac:dyDescent="0.25">
      <c r="A2231" s="7"/>
      <c r="B2231" s="23" t="s">
        <v>1062</v>
      </c>
      <c r="C2231"/>
      <c r="D2231" s="7" t="s">
        <v>5032</v>
      </c>
      <c r="E2231" s="1"/>
      <c r="F2231" s="23" t="s">
        <v>4385</v>
      </c>
      <c r="G2231"/>
      <c r="H2231"/>
      <c r="I2231"/>
      <c r="J2231"/>
    </row>
    <row r="2232" spans="1:10" x14ac:dyDescent="0.25">
      <c r="A2232" s="7"/>
      <c r="B2232"/>
      <c r="C2232" s="23" t="s">
        <v>1062</v>
      </c>
      <c r="D2232" s="23" t="s">
        <v>2241</v>
      </c>
      <c r="E2232" s="1" t="str">
        <f t="shared" ref="E2232:E2235" si="520" xml:space="preserve"> HYPERLINK(CONCATENATE("http://www.sap.com/community/tag.html?id=",$F2232))</f>
        <v>http://www.sap.com/community/tag.html?id=67837800100800007076</v>
      </c>
      <c r="F2232" s="23" t="s">
        <v>4386</v>
      </c>
      <c r="G2232"/>
      <c r="H2232"/>
      <c r="I2232"/>
      <c r="J2232"/>
    </row>
    <row r="2233" spans="1:10" x14ac:dyDescent="0.25">
      <c r="A2233" s="7"/>
      <c r="B2233" s="23"/>
      <c r="C2233" t="s">
        <v>1939</v>
      </c>
      <c r="D2233" s="23" t="s">
        <v>2241</v>
      </c>
      <c r="E2233" s="1" t="str">
        <f t="shared" si="520"/>
        <v>http://www.sap.com/community/tag.html?id=01200615320800000692</v>
      </c>
      <c r="F2233" s="23" t="s">
        <v>4387</v>
      </c>
      <c r="G2233"/>
      <c r="H2233"/>
      <c r="I2233"/>
      <c r="J2233"/>
    </row>
    <row r="2234" spans="1:10" x14ac:dyDescent="0.25">
      <c r="A2234" s="7"/>
      <c r="B2234"/>
      <c r="C2234" s="23" t="s">
        <v>836</v>
      </c>
      <c r="D2234" s="23" t="s">
        <v>2241</v>
      </c>
      <c r="E2234" s="1" t="str">
        <f t="shared" si="520"/>
        <v>http://www.sap.com/community/tag.html?id=01200615320800003649</v>
      </c>
      <c r="F2234" s="23" t="s">
        <v>4388</v>
      </c>
      <c r="G2234"/>
      <c r="H2234"/>
      <c r="I2234"/>
      <c r="J2234"/>
    </row>
    <row r="2235" spans="1:10" x14ac:dyDescent="0.25">
      <c r="A2235" s="7"/>
      <c r="B2235" s="23"/>
      <c r="C2235" t="s">
        <v>1785</v>
      </c>
      <c r="D2235" s="23" t="s">
        <v>2241</v>
      </c>
      <c r="E2235" s="1" t="str">
        <f t="shared" si="520"/>
        <v>http://www.sap.com/community/tag.html?id=01200314690800001989</v>
      </c>
      <c r="F2235" s="23" t="s">
        <v>4389</v>
      </c>
      <c r="G2235"/>
      <c r="H2235"/>
      <c r="I2235"/>
      <c r="J2235"/>
    </row>
    <row r="2236" spans="1:10" x14ac:dyDescent="0.25">
      <c r="A2236" s="7"/>
      <c r="B2236" t="s">
        <v>1964</v>
      </c>
      <c r="C2236" s="23"/>
      <c r="D2236" s="7" t="s">
        <v>5032</v>
      </c>
      <c r="E2236" s="1"/>
      <c r="F2236" s="23" t="s">
        <v>4390</v>
      </c>
      <c r="G2236"/>
      <c r="H2236"/>
      <c r="I2236"/>
      <c r="J2236"/>
    </row>
    <row r="2237" spans="1:10" x14ac:dyDescent="0.25">
      <c r="A2237" s="7"/>
      <c r="B2237"/>
      <c r="C2237" s="23" t="s">
        <v>1964</v>
      </c>
      <c r="D2237" s="23" t="s">
        <v>2241</v>
      </c>
      <c r="E2237" s="1" t="str">
        <f t="shared" ref="E2237" si="521" xml:space="preserve"> HYPERLINK(CONCATENATE("http://www.sap.com/community/tag.html?id=",$F2237))</f>
        <v>http://www.sap.com/community/tag.html?id=01200314690800000136</v>
      </c>
      <c r="F2237" s="23" t="s">
        <v>4391</v>
      </c>
      <c r="G2237"/>
      <c r="H2237"/>
      <c r="I2237"/>
      <c r="J2237"/>
    </row>
    <row r="2238" spans="1:10" x14ac:dyDescent="0.25">
      <c r="A2238" s="7"/>
      <c r="B2238" s="23" t="s">
        <v>732</v>
      </c>
      <c r="C2238"/>
      <c r="D2238" s="7" t="s">
        <v>5032</v>
      </c>
      <c r="E2238" s="1"/>
      <c r="F2238" s="23" t="s">
        <v>4392</v>
      </c>
      <c r="G2238"/>
      <c r="H2238"/>
      <c r="I2238"/>
      <c r="J2238"/>
    </row>
    <row r="2239" spans="1:10" x14ac:dyDescent="0.25">
      <c r="A2239" s="7"/>
      <c r="B2239"/>
      <c r="C2239" s="23" t="s">
        <v>732</v>
      </c>
      <c r="D2239" s="23" t="s">
        <v>2241</v>
      </c>
      <c r="E2239" s="1" t="str">
        <f t="shared" ref="E2239" si="522" xml:space="preserve"> HYPERLINK(CONCATENATE("http://www.sap.com/community/tag.html?id=",$F2239))</f>
        <v>http://www.sap.com/community/tag.html?id=67837800100800005972</v>
      </c>
      <c r="F2239" s="23" t="s">
        <v>4393</v>
      </c>
      <c r="G2239"/>
      <c r="H2239"/>
      <c r="I2239"/>
      <c r="J2239"/>
    </row>
    <row r="2240" spans="1:10" x14ac:dyDescent="0.25">
      <c r="A2240" s="7"/>
      <c r="B2240" t="s">
        <v>751</v>
      </c>
      <c r="C2240" s="23"/>
      <c r="D2240" s="7" t="s">
        <v>5032</v>
      </c>
      <c r="E2240" s="1"/>
      <c r="F2240" s="23" t="s">
        <v>4394</v>
      </c>
      <c r="G2240"/>
      <c r="H2240"/>
      <c r="I2240"/>
      <c r="J2240"/>
    </row>
    <row r="2241" spans="1:10" x14ac:dyDescent="0.25">
      <c r="A2241" s="7"/>
      <c r="B2241" s="23"/>
      <c r="C2241" t="s">
        <v>2179</v>
      </c>
      <c r="D2241" s="23" t="s">
        <v>2241</v>
      </c>
      <c r="E2241" s="1" t="str">
        <f t="shared" ref="E2241:E2246" si="523" xml:space="preserve"> HYPERLINK(CONCATENATE("http://www.sap.com/community/tag.html?id=",$F2241))</f>
        <v>http://www.sap.com/community/tag.html?id=73555000100800000239</v>
      </c>
      <c r="F2241" s="23" t="s">
        <v>4395</v>
      </c>
      <c r="G2241"/>
      <c r="H2241"/>
      <c r="I2241"/>
      <c r="J2241"/>
    </row>
    <row r="2242" spans="1:10" x14ac:dyDescent="0.25">
      <c r="A2242" s="7"/>
      <c r="B2242"/>
      <c r="C2242" s="23" t="s">
        <v>573</v>
      </c>
      <c r="D2242" s="23" t="s">
        <v>2241</v>
      </c>
      <c r="E2242" s="1" t="str">
        <f t="shared" si="523"/>
        <v>http://www.sap.com/community/tag.html?id=67838200100800004844</v>
      </c>
      <c r="F2242" s="23" t="s">
        <v>4396</v>
      </c>
      <c r="G2242"/>
      <c r="H2242"/>
      <c r="I2242"/>
      <c r="J2242"/>
    </row>
    <row r="2243" spans="1:10" x14ac:dyDescent="0.25">
      <c r="A2243" s="7"/>
      <c r="B2243"/>
      <c r="C2243" s="23" t="s">
        <v>1996</v>
      </c>
      <c r="D2243" s="23" t="s">
        <v>2241</v>
      </c>
      <c r="E2243" s="1" t="str">
        <f t="shared" si="523"/>
        <v>http://www.sap.com/community/tag.html?id=01200314690800000557</v>
      </c>
      <c r="F2243" s="23" t="s">
        <v>4397</v>
      </c>
      <c r="G2243"/>
      <c r="H2243"/>
      <c r="I2243"/>
      <c r="J2243"/>
    </row>
    <row r="2244" spans="1:10" x14ac:dyDescent="0.25">
      <c r="A2244" s="7"/>
      <c r="B2244" s="23"/>
      <c r="C2244" t="s">
        <v>751</v>
      </c>
      <c r="D2244" s="23" t="s">
        <v>2241</v>
      </c>
      <c r="E2244" s="1" t="str">
        <f t="shared" si="523"/>
        <v>http://www.sap.com/community/tag.html?id=01200615320800000492</v>
      </c>
      <c r="F2244" s="23" t="s">
        <v>4398</v>
      </c>
      <c r="G2244"/>
      <c r="H2244"/>
      <c r="I2244"/>
      <c r="J2244"/>
    </row>
    <row r="2245" spans="1:10" x14ac:dyDescent="0.25">
      <c r="A2245" s="7"/>
      <c r="B2245"/>
      <c r="C2245" s="23" t="s">
        <v>2040</v>
      </c>
      <c r="D2245" s="23" t="s">
        <v>2241</v>
      </c>
      <c r="E2245" s="1" t="str">
        <f t="shared" si="523"/>
        <v>http://www.sap.com/community/tag.html?id=01200314690800000205</v>
      </c>
      <c r="F2245" s="23" t="s">
        <v>4399</v>
      </c>
      <c r="G2245"/>
      <c r="H2245"/>
      <c r="I2245"/>
      <c r="J2245"/>
    </row>
    <row r="2246" spans="1:10" x14ac:dyDescent="0.25">
      <c r="A2246" s="7"/>
      <c r="B2246"/>
      <c r="C2246" s="23" t="s">
        <v>1814</v>
      </c>
      <c r="D2246" s="23" t="s">
        <v>2241</v>
      </c>
      <c r="E2246" s="1" t="str">
        <f t="shared" si="523"/>
        <v>http://www.sap.com/community/tag.html?id=01200314690800000160</v>
      </c>
      <c r="F2246" s="23" t="s">
        <v>4400</v>
      </c>
      <c r="G2246"/>
      <c r="H2246"/>
      <c r="I2246"/>
      <c r="J2246"/>
    </row>
    <row r="2247" spans="1:10" x14ac:dyDescent="0.25">
      <c r="A2247" s="7"/>
      <c r="B2247" t="s">
        <v>1227</v>
      </c>
      <c r="C2247" s="23"/>
      <c r="D2247" s="7" t="s">
        <v>5032</v>
      </c>
      <c r="E2247" s="1"/>
      <c r="F2247" s="23" t="s">
        <v>4401</v>
      </c>
      <c r="G2247"/>
      <c r="H2247"/>
      <c r="I2247"/>
      <c r="J2247"/>
    </row>
    <row r="2248" spans="1:10" x14ac:dyDescent="0.25">
      <c r="A2248" s="7"/>
      <c r="B2248"/>
      <c r="C2248" s="23" t="s">
        <v>1227</v>
      </c>
      <c r="D2248" s="23" t="s">
        <v>2241</v>
      </c>
      <c r="E2248" s="1" t="str">
        <f t="shared" ref="E2248" si="524" xml:space="preserve"> HYPERLINK(CONCATENATE("http://www.sap.com/community/tag.html?id=",$F2248))</f>
        <v>http://www.sap.com/community/tag.html?id=01200615320800001006</v>
      </c>
      <c r="F2248" s="23" t="s">
        <v>4402</v>
      </c>
      <c r="G2248"/>
      <c r="H2248"/>
      <c r="I2248"/>
      <c r="J2248"/>
    </row>
    <row r="2249" spans="1:10" x14ac:dyDescent="0.25">
      <c r="A2249" s="7"/>
      <c r="B2249" s="23" t="s">
        <v>680</v>
      </c>
      <c r="C2249"/>
      <c r="D2249" s="7" t="s">
        <v>5032</v>
      </c>
      <c r="E2249" s="1"/>
      <c r="F2249" s="23" t="s">
        <v>4403</v>
      </c>
      <c r="G2249"/>
      <c r="H2249"/>
      <c r="I2249"/>
      <c r="J2249"/>
    </row>
    <row r="2250" spans="1:10" x14ac:dyDescent="0.25">
      <c r="A2250" s="7"/>
      <c r="B2250"/>
      <c r="C2250" s="23" t="s">
        <v>680</v>
      </c>
      <c r="D2250" s="23" t="s">
        <v>2241</v>
      </c>
      <c r="E2250" s="1" t="str">
        <f t="shared" ref="E2250" si="525" xml:space="preserve"> HYPERLINK(CONCATENATE("http://www.sap.com/community/tag.html?id=",$F2250))</f>
        <v>http://www.sap.com/community/tag.html?id=01200615320800003016</v>
      </c>
      <c r="F2250" s="23" t="s">
        <v>4404</v>
      </c>
      <c r="G2250"/>
      <c r="H2250"/>
      <c r="I2250"/>
      <c r="J2250"/>
    </row>
    <row r="2251" spans="1:10" x14ac:dyDescent="0.25">
      <c r="A2251" s="7"/>
      <c r="B2251" s="23" t="s">
        <v>206</v>
      </c>
      <c r="C2251"/>
      <c r="D2251" s="7" t="s">
        <v>5032</v>
      </c>
      <c r="E2251" s="1"/>
      <c r="F2251" s="23" t="s">
        <v>4405</v>
      </c>
      <c r="G2251"/>
      <c r="H2251"/>
      <c r="I2251"/>
      <c r="J2251"/>
    </row>
    <row r="2252" spans="1:10" x14ac:dyDescent="0.25">
      <c r="A2252" s="7"/>
      <c r="B2252"/>
      <c r="C2252" s="23" t="s">
        <v>206</v>
      </c>
      <c r="D2252" s="23" t="s">
        <v>2241</v>
      </c>
      <c r="E2252" s="1" t="str">
        <f t="shared" ref="E2252:E2253" si="526" xml:space="preserve"> HYPERLINK(CONCATENATE("http://www.sap.com/community/tag.html?id=",$F2252))</f>
        <v>http://www.sap.com/community/tag.html?id=01200615320800000702</v>
      </c>
      <c r="F2252" s="23" t="s">
        <v>4406</v>
      </c>
      <c r="G2252"/>
      <c r="H2252"/>
      <c r="I2252"/>
      <c r="J2252"/>
    </row>
    <row r="2253" spans="1:10" x14ac:dyDescent="0.25">
      <c r="A2253" s="7"/>
      <c r="B2253" s="23"/>
      <c r="C2253" t="s">
        <v>1441</v>
      </c>
      <c r="D2253" s="23" t="s">
        <v>2241</v>
      </c>
      <c r="E2253" s="1" t="str">
        <f t="shared" si="526"/>
        <v>http://www.sap.com/community/tag.html?id=67837800100800006740</v>
      </c>
      <c r="F2253" s="23" t="s">
        <v>4407</v>
      </c>
      <c r="G2253"/>
      <c r="H2253"/>
      <c r="I2253"/>
      <c r="J2253"/>
    </row>
    <row r="2254" spans="1:10" x14ac:dyDescent="0.25">
      <c r="A2254" s="7"/>
      <c r="B2254" t="s">
        <v>2105</v>
      </c>
      <c r="C2254" s="23"/>
      <c r="D2254" s="7" t="s">
        <v>5032</v>
      </c>
      <c r="E2254" s="1"/>
      <c r="F2254" s="23" t="s">
        <v>4408</v>
      </c>
      <c r="G2254"/>
      <c r="H2254"/>
      <c r="I2254"/>
      <c r="J2254"/>
    </row>
    <row r="2255" spans="1:10" x14ac:dyDescent="0.25">
      <c r="A2255" s="7"/>
      <c r="B2255" s="23"/>
      <c r="C2255" t="s">
        <v>2105</v>
      </c>
      <c r="D2255" s="23" t="s">
        <v>2241</v>
      </c>
      <c r="E2255" s="1" t="str">
        <f t="shared" ref="E2255:E2256" si="527" xml:space="preserve"> HYPERLINK(CONCATENATE("http://www.sap.com/community/tag.html?id=",$F2255))</f>
        <v>http://www.sap.com/community/tag.html?id=01200615320800003833</v>
      </c>
      <c r="F2255" s="23" t="s">
        <v>4409</v>
      </c>
      <c r="G2255"/>
      <c r="H2255"/>
      <c r="I2255"/>
      <c r="J2255"/>
    </row>
    <row r="2256" spans="1:10" x14ac:dyDescent="0.25">
      <c r="A2256" s="7"/>
      <c r="B2256"/>
      <c r="C2256" s="23" t="s">
        <v>463</v>
      </c>
      <c r="D2256" s="23" t="s">
        <v>2241</v>
      </c>
      <c r="E2256" s="1" t="str">
        <f t="shared" si="527"/>
        <v>http://www.sap.com/community/tag.html?id=01200615320800003846</v>
      </c>
      <c r="F2256" s="23" t="s">
        <v>4410</v>
      </c>
      <c r="G2256"/>
      <c r="H2256"/>
      <c r="I2256"/>
      <c r="J2256"/>
    </row>
    <row r="2257" spans="1:10" x14ac:dyDescent="0.25">
      <c r="A2257" s="7"/>
      <c r="B2257" s="23" t="s">
        <v>1658</v>
      </c>
      <c r="C2257"/>
      <c r="D2257" s="7" t="s">
        <v>5032</v>
      </c>
      <c r="E2257" s="1"/>
      <c r="F2257" s="23" t="s">
        <v>4411</v>
      </c>
      <c r="G2257"/>
      <c r="H2257"/>
      <c r="I2257"/>
      <c r="J2257"/>
    </row>
    <row r="2258" spans="1:10" x14ac:dyDescent="0.25">
      <c r="A2258" s="7"/>
      <c r="B2258"/>
      <c r="C2258" s="23" t="s">
        <v>1658</v>
      </c>
      <c r="D2258" s="23" t="s">
        <v>2241</v>
      </c>
      <c r="E2258" s="1" t="str">
        <f t="shared" ref="E2258:E2259" si="528" xml:space="preserve"> HYPERLINK(CONCATENATE("http://www.sap.com/community/tag.html?id=",$F2258))</f>
        <v>http://www.sap.com/community/tag.html?id=01200615320800003834</v>
      </c>
      <c r="F2258" s="23" t="s">
        <v>4412</v>
      </c>
      <c r="G2258"/>
      <c r="H2258"/>
      <c r="I2258"/>
      <c r="J2258"/>
    </row>
    <row r="2259" spans="1:10" x14ac:dyDescent="0.25">
      <c r="A2259" s="7"/>
      <c r="B2259" s="23"/>
      <c r="C2259" t="s">
        <v>218</v>
      </c>
      <c r="D2259" s="23" t="s">
        <v>2241</v>
      </c>
      <c r="E2259" s="1" t="str">
        <f t="shared" si="528"/>
        <v>http://www.sap.com/community/tag.html?id=01200615320800003847</v>
      </c>
      <c r="F2259" s="23" t="s">
        <v>4413</v>
      </c>
      <c r="G2259"/>
      <c r="H2259"/>
      <c r="I2259"/>
      <c r="J2259"/>
    </row>
    <row r="2260" spans="1:10" x14ac:dyDescent="0.25">
      <c r="A2260" s="7"/>
      <c r="B2260" t="s">
        <v>2013</v>
      </c>
      <c r="C2260" s="23"/>
      <c r="D2260" s="7" t="s">
        <v>5032</v>
      </c>
      <c r="E2260" s="1"/>
      <c r="F2260" s="23" t="s">
        <v>4414</v>
      </c>
      <c r="G2260"/>
      <c r="H2260"/>
      <c r="I2260"/>
      <c r="J2260"/>
    </row>
    <row r="2261" spans="1:10" x14ac:dyDescent="0.25">
      <c r="A2261" s="7"/>
      <c r="B2261" s="23"/>
      <c r="C2261" t="s">
        <v>2205</v>
      </c>
      <c r="D2261" s="23" t="s">
        <v>2241</v>
      </c>
      <c r="E2261" s="1" t="str">
        <f t="shared" ref="E2261:E2264" si="529" xml:space="preserve"> HYPERLINK(CONCATENATE("http://www.sap.com/community/tag.html?id=",$F2261))</f>
        <v>http://www.sap.com/community/tag.html?id=67838200100800004267</v>
      </c>
      <c r="F2261" s="23" t="s">
        <v>4415</v>
      </c>
      <c r="G2261"/>
      <c r="H2261"/>
      <c r="I2261"/>
      <c r="J2261"/>
    </row>
    <row r="2262" spans="1:10" x14ac:dyDescent="0.25">
      <c r="A2262" s="7"/>
      <c r="B2262"/>
      <c r="C2262" s="23" t="s">
        <v>2013</v>
      </c>
      <c r="D2262" s="23" t="s">
        <v>2241</v>
      </c>
      <c r="E2262" s="1" t="str">
        <f t="shared" si="529"/>
        <v>http://www.sap.com/community/tag.html?id=01200615320800000686</v>
      </c>
      <c r="F2262" s="23" t="s">
        <v>4416</v>
      </c>
      <c r="G2262"/>
      <c r="H2262"/>
      <c r="I2262"/>
      <c r="J2262"/>
    </row>
    <row r="2263" spans="1:10" x14ac:dyDescent="0.25">
      <c r="A2263" s="7"/>
      <c r="B2263"/>
      <c r="C2263" s="23" t="s">
        <v>2142</v>
      </c>
      <c r="D2263" s="23" t="s">
        <v>2241</v>
      </c>
      <c r="E2263" s="1" t="str">
        <f t="shared" si="529"/>
        <v>http://www.sap.com/community/tag.html?id=67838200100800006898</v>
      </c>
      <c r="F2263" s="23" t="s">
        <v>4417</v>
      </c>
      <c r="G2263"/>
      <c r="H2263"/>
      <c r="I2263"/>
      <c r="J2263"/>
    </row>
    <row r="2264" spans="1:10" x14ac:dyDescent="0.25">
      <c r="A2264" s="7"/>
      <c r="B2264" s="23"/>
      <c r="C2264" t="s">
        <v>5391</v>
      </c>
      <c r="D2264" s="23" t="s">
        <v>2241</v>
      </c>
      <c r="E2264" s="1" t="str">
        <f t="shared" si="529"/>
        <v>http://www.sap.com/community/tag.html?id=73554900100800000799</v>
      </c>
      <c r="F2264" s="23" t="s">
        <v>5362</v>
      </c>
      <c r="G2264"/>
      <c r="H2264"/>
      <c r="I2264"/>
      <c r="J2264"/>
    </row>
    <row r="2265" spans="1:10" x14ac:dyDescent="0.25">
      <c r="A2265" s="7"/>
      <c r="B2265" t="s">
        <v>2167</v>
      </c>
      <c r="C2265" s="23"/>
      <c r="D2265" s="7" t="s">
        <v>5032</v>
      </c>
      <c r="E2265" s="1"/>
      <c r="F2265" s="23" t="s">
        <v>4418</v>
      </c>
      <c r="G2265"/>
      <c r="H2265"/>
      <c r="I2265"/>
      <c r="J2265"/>
    </row>
    <row r="2266" spans="1:10" x14ac:dyDescent="0.25">
      <c r="A2266" s="7"/>
      <c r="B2266" s="23"/>
      <c r="C2266" t="s">
        <v>2167</v>
      </c>
      <c r="D2266" s="23" t="s">
        <v>2241</v>
      </c>
      <c r="E2266" s="1" t="str">
        <f t="shared" ref="E2266" si="530" xml:space="preserve"> HYPERLINK(CONCATENATE("http://www.sap.com/community/tag.html?id=",$F2266))</f>
        <v>http://www.sap.com/community/tag.html?id=67837800100800007299</v>
      </c>
      <c r="F2266" s="23" t="s">
        <v>4419</v>
      </c>
      <c r="G2266"/>
      <c r="H2266"/>
      <c r="I2266"/>
      <c r="J2266"/>
    </row>
    <row r="2267" spans="1:10" x14ac:dyDescent="0.25">
      <c r="A2267" s="7"/>
      <c r="B2267" t="s">
        <v>2021</v>
      </c>
      <c r="C2267" s="23"/>
      <c r="D2267" s="7" t="s">
        <v>5032</v>
      </c>
      <c r="E2267" s="1"/>
      <c r="F2267" s="23" t="s">
        <v>4420</v>
      </c>
      <c r="G2267"/>
      <c r="H2267"/>
      <c r="I2267"/>
      <c r="J2267"/>
    </row>
    <row r="2268" spans="1:10" x14ac:dyDescent="0.25">
      <c r="A2268" s="7"/>
      <c r="B2268" s="23"/>
      <c r="C2268" t="s">
        <v>2021</v>
      </c>
      <c r="D2268" s="23" t="s">
        <v>2241</v>
      </c>
      <c r="E2268" s="1" t="str">
        <f t="shared" ref="E2268" si="531" xml:space="preserve"> HYPERLINK(CONCATENATE("http://www.sap.com/community/tag.html?id=",$F2268))</f>
        <v>http://www.sap.com/community/tag.html?id=73554900100800000291</v>
      </c>
      <c r="F2268" s="23" t="s">
        <v>4421</v>
      </c>
      <c r="G2268"/>
      <c r="H2268"/>
      <c r="I2268"/>
      <c r="J2268"/>
    </row>
    <row r="2269" spans="1:10" x14ac:dyDescent="0.25">
      <c r="A2269" s="7"/>
      <c r="B2269" t="s">
        <v>1265</v>
      </c>
      <c r="C2269" s="23"/>
      <c r="D2269" s="7" t="s">
        <v>5032</v>
      </c>
      <c r="E2269" s="1"/>
      <c r="F2269" s="23" t="s">
        <v>4422</v>
      </c>
      <c r="G2269"/>
      <c r="H2269"/>
      <c r="I2269"/>
      <c r="J2269"/>
    </row>
    <row r="2270" spans="1:10" x14ac:dyDescent="0.25">
      <c r="A2270" s="7"/>
      <c r="B2270" s="23"/>
      <c r="C2270" t="s">
        <v>1265</v>
      </c>
      <c r="D2270" s="23" t="s">
        <v>2241</v>
      </c>
      <c r="E2270" s="1" t="str">
        <f t="shared" ref="E2270" si="532" xml:space="preserve"> HYPERLINK(CONCATENATE("http://www.sap.com/community/tag.html?id=",$F2270))</f>
        <v>http://www.sap.com/community/tag.html?id=01200314690800000121</v>
      </c>
      <c r="F2270" s="23" t="s">
        <v>4423</v>
      </c>
      <c r="G2270"/>
      <c r="H2270"/>
      <c r="I2270"/>
      <c r="J2270"/>
    </row>
    <row r="2271" spans="1:10" x14ac:dyDescent="0.25">
      <c r="A2271" s="7"/>
      <c r="B2271" t="s">
        <v>1806</v>
      </c>
      <c r="C2271" s="23"/>
      <c r="D2271" s="7" t="s">
        <v>5032</v>
      </c>
      <c r="E2271" s="1"/>
      <c r="F2271" s="23" t="s">
        <v>4424</v>
      </c>
      <c r="G2271"/>
      <c r="H2271"/>
      <c r="I2271"/>
      <c r="J2271"/>
    </row>
    <row r="2272" spans="1:10" x14ac:dyDescent="0.25">
      <c r="A2272" s="7"/>
      <c r="B2272" s="23"/>
      <c r="C2272" t="s">
        <v>1806</v>
      </c>
      <c r="D2272" s="23" t="s">
        <v>2241</v>
      </c>
      <c r="E2272" s="1" t="str">
        <f t="shared" ref="E2272" si="533" xml:space="preserve"> HYPERLINK(CONCATENATE("http://www.sap.com/community/tag.html?id=",$F2272))</f>
        <v>http://www.sap.com/community/tag.html?id=67837800100800007101</v>
      </c>
      <c r="F2272" s="23" t="s">
        <v>4425</v>
      </c>
      <c r="G2272"/>
      <c r="H2272"/>
      <c r="I2272"/>
      <c r="J2272"/>
    </row>
    <row r="2273" spans="1:10" x14ac:dyDescent="0.25">
      <c r="A2273" s="7"/>
      <c r="B2273" t="s">
        <v>1486</v>
      </c>
      <c r="C2273" s="23"/>
      <c r="D2273" s="7" t="s">
        <v>5032</v>
      </c>
      <c r="E2273" s="1"/>
      <c r="F2273" s="23" t="s">
        <v>4426</v>
      </c>
      <c r="G2273"/>
      <c r="H2273"/>
      <c r="I2273"/>
      <c r="J2273"/>
    </row>
    <row r="2274" spans="1:10" x14ac:dyDescent="0.25">
      <c r="A2274" s="7"/>
      <c r="B2274"/>
      <c r="C2274" s="23" t="s">
        <v>1486</v>
      </c>
      <c r="D2274" s="23" t="s">
        <v>2241</v>
      </c>
      <c r="E2274" s="1" t="str">
        <f t="shared" ref="E2274" si="534" xml:space="preserve"> HYPERLINK(CONCATENATE("http://www.sap.com/community/tag.html?id=",$F2274))</f>
        <v>http://www.sap.com/community/tag.html?id=67837800100800007099</v>
      </c>
      <c r="F2274" s="23" t="s">
        <v>4427</v>
      </c>
      <c r="G2274"/>
      <c r="H2274"/>
      <c r="I2274"/>
      <c r="J2274"/>
    </row>
    <row r="2275" spans="1:10" x14ac:dyDescent="0.25">
      <c r="A2275" s="7"/>
      <c r="B2275" t="s">
        <v>1467</v>
      </c>
      <c r="C2275" s="23"/>
      <c r="D2275" s="7" t="s">
        <v>5032</v>
      </c>
      <c r="E2275" s="1"/>
      <c r="F2275" s="23" t="s">
        <v>4428</v>
      </c>
      <c r="G2275"/>
      <c r="H2275"/>
      <c r="I2275"/>
      <c r="J2275"/>
    </row>
    <row r="2276" spans="1:10" x14ac:dyDescent="0.25">
      <c r="A2276" s="7"/>
      <c r="B2276"/>
      <c r="C2276" s="23" t="s">
        <v>1467</v>
      </c>
      <c r="D2276" s="23" t="s">
        <v>2241</v>
      </c>
      <c r="E2276" s="1" t="str">
        <f t="shared" ref="E2276" si="535" xml:space="preserve"> HYPERLINK(CONCATENATE("http://www.sap.com/community/tag.html?id=",$F2276))</f>
        <v>http://www.sap.com/community/tag.html?id=67837800100800005506</v>
      </c>
      <c r="F2276" s="23" t="s">
        <v>4429</v>
      </c>
      <c r="G2276"/>
      <c r="H2276"/>
      <c r="I2276"/>
      <c r="J2276"/>
    </row>
    <row r="2277" spans="1:10" x14ac:dyDescent="0.25">
      <c r="A2277" s="7"/>
      <c r="B2277" s="23" t="s">
        <v>143</v>
      </c>
      <c r="C2277"/>
      <c r="D2277" s="7" t="s">
        <v>5032</v>
      </c>
      <c r="E2277" s="1"/>
      <c r="F2277" s="23" t="s">
        <v>4430</v>
      </c>
      <c r="G2277"/>
      <c r="H2277"/>
      <c r="I2277"/>
      <c r="J2277"/>
    </row>
    <row r="2278" spans="1:10" x14ac:dyDescent="0.25">
      <c r="A2278" s="7"/>
      <c r="B2278" s="23"/>
      <c r="C2278" t="s">
        <v>1889</v>
      </c>
      <c r="D2278" s="23" t="s">
        <v>2241</v>
      </c>
      <c r="E2278" s="1" t="str">
        <f t="shared" ref="E2278:E2279" si="536" xml:space="preserve"> HYPERLINK(CONCATENATE("http://www.sap.com/community/tag.html?id=",$F2278))</f>
        <v>http://www.sap.com/community/tag.html?id=67837800100800005618</v>
      </c>
      <c r="F2278" s="23" t="s">
        <v>4431</v>
      </c>
      <c r="G2278"/>
      <c r="H2278"/>
      <c r="I2278"/>
      <c r="J2278"/>
    </row>
    <row r="2279" spans="1:10" x14ac:dyDescent="0.25">
      <c r="A2279" s="7"/>
      <c r="B2279"/>
      <c r="C2279" s="23" t="s">
        <v>325</v>
      </c>
      <c r="D2279" s="23" t="s">
        <v>2241</v>
      </c>
      <c r="E2279" s="1" t="str">
        <f t="shared" si="536"/>
        <v>http://www.sap.com/community/tag.html?id=01200615320800001077</v>
      </c>
      <c r="F2279" s="23" t="s">
        <v>4432</v>
      </c>
      <c r="G2279"/>
      <c r="H2279"/>
      <c r="I2279"/>
      <c r="J2279"/>
    </row>
    <row r="2280" spans="1:10" x14ac:dyDescent="0.25">
      <c r="A2280" s="7"/>
      <c r="B2280" s="23" t="s">
        <v>1591</v>
      </c>
      <c r="C2280"/>
      <c r="D2280" s="7" t="s">
        <v>5032</v>
      </c>
      <c r="E2280" s="1"/>
      <c r="F2280" s="23" t="s">
        <v>4433</v>
      </c>
      <c r="G2280"/>
      <c r="H2280"/>
      <c r="I2280"/>
      <c r="J2280"/>
    </row>
    <row r="2281" spans="1:10" x14ac:dyDescent="0.25">
      <c r="A2281" s="7"/>
      <c r="B2281"/>
      <c r="C2281" s="23" t="s">
        <v>1591</v>
      </c>
      <c r="D2281" s="23" t="s">
        <v>2241</v>
      </c>
      <c r="E2281" s="1" t="str">
        <f t="shared" ref="E2281" si="537" xml:space="preserve"> HYPERLINK(CONCATENATE("http://www.sap.com/community/tag.html?id=",$F2281))</f>
        <v>http://www.sap.com/community/tag.html?id=01200615320800001742</v>
      </c>
      <c r="F2281" s="23" t="s">
        <v>4434</v>
      </c>
      <c r="G2281"/>
      <c r="H2281"/>
      <c r="I2281"/>
      <c r="J2281"/>
    </row>
    <row r="2282" spans="1:10" x14ac:dyDescent="0.25">
      <c r="A2282" s="7"/>
      <c r="B2282" s="23" t="s">
        <v>1440</v>
      </c>
      <c r="C2282"/>
      <c r="D2282" s="7" t="s">
        <v>5032</v>
      </c>
      <c r="E2282" s="1"/>
      <c r="F2282" s="23" t="s">
        <v>4435</v>
      </c>
      <c r="G2282"/>
      <c r="H2282"/>
      <c r="I2282"/>
      <c r="J2282"/>
    </row>
    <row r="2283" spans="1:10" x14ac:dyDescent="0.25">
      <c r="A2283" s="7"/>
      <c r="B2283"/>
      <c r="C2283" s="23" t="s">
        <v>1440</v>
      </c>
      <c r="D2283" s="23" t="s">
        <v>2241</v>
      </c>
      <c r="E2283" s="1" t="str">
        <f t="shared" ref="E2283" si="538" xml:space="preserve"> HYPERLINK(CONCATENATE("http://www.sap.com/community/tag.html?id=",$F2283))</f>
        <v>http://www.sap.com/community/tag.html?id=73554900100800000322</v>
      </c>
      <c r="F2283" s="23" t="s">
        <v>4436</v>
      </c>
      <c r="G2283"/>
      <c r="H2283"/>
      <c r="I2283"/>
      <c r="J2283"/>
    </row>
    <row r="2284" spans="1:10" x14ac:dyDescent="0.25">
      <c r="A2284" s="7"/>
      <c r="B2284" s="23" t="s">
        <v>1705</v>
      </c>
      <c r="C2284"/>
      <c r="D2284" s="7" t="s">
        <v>5032</v>
      </c>
      <c r="E2284" s="1"/>
      <c r="F2284" s="23" t="s">
        <v>4437</v>
      </c>
      <c r="G2284"/>
      <c r="H2284"/>
      <c r="I2284"/>
      <c r="J2284"/>
    </row>
    <row r="2285" spans="1:10" x14ac:dyDescent="0.25">
      <c r="A2285" s="7"/>
      <c r="B2285"/>
      <c r="C2285" s="23" t="s">
        <v>1705</v>
      </c>
      <c r="D2285" s="23" t="s">
        <v>2241</v>
      </c>
      <c r="E2285" s="1" t="str">
        <f t="shared" ref="E2285" si="539" xml:space="preserve"> HYPERLINK(CONCATENATE("http://www.sap.com/community/tag.html?id=",$F2285))</f>
        <v>http://www.sap.com/community/tag.html?id=01200314690800000427</v>
      </c>
      <c r="F2285" s="23" t="s">
        <v>4438</v>
      </c>
      <c r="G2285"/>
      <c r="H2285"/>
      <c r="I2285"/>
      <c r="J2285"/>
    </row>
    <row r="2286" spans="1:10" x14ac:dyDescent="0.25">
      <c r="A2286" s="7"/>
      <c r="B2286" s="23" t="s">
        <v>1873</v>
      </c>
      <c r="C2286"/>
      <c r="D2286" s="7" t="s">
        <v>5032</v>
      </c>
      <c r="E2286" s="1"/>
      <c r="F2286" s="23" t="s">
        <v>4439</v>
      </c>
      <c r="G2286"/>
      <c r="H2286"/>
      <c r="I2286"/>
      <c r="J2286"/>
    </row>
    <row r="2287" spans="1:10" x14ac:dyDescent="0.25">
      <c r="A2287" s="7"/>
      <c r="B2287"/>
      <c r="C2287" s="23" t="s">
        <v>1873</v>
      </c>
      <c r="D2287" s="23" t="s">
        <v>2241</v>
      </c>
      <c r="E2287" s="1" t="str">
        <f t="shared" ref="E2287" si="540" xml:space="preserve"> HYPERLINK(CONCATENATE("http://www.sap.com/community/tag.html?id=",$F2287))</f>
        <v>http://www.sap.com/community/tag.html?id=67838200100800005509</v>
      </c>
      <c r="F2287" s="23" t="s">
        <v>4440</v>
      </c>
      <c r="G2287"/>
      <c r="H2287"/>
      <c r="I2287"/>
      <c r="J2287"/>
    </row>
    <row r="2288" spans="1:10" x14ac:dyDescent="0.25">
      <c r="A2288" s="7"/>
      <c r="B2288" s="23" t="s">
        <v>5071</v>
      </c>
      <c r="C2288"/>
      <c r="D2288" s="7" t="s">
        <v>5032</v>
      </c>
      <c r="E2288" s="1"/>
      <c r="F2288" s="23" t="s">
        <v>5122</v>
      </c>
      <c r="G2288"/>
      <c r="H2288"/>
      <c r="I2288"/>
      <c r="J2288"/>
    </row>
    <row r="2289" spans="1:10" x14ac:dyDescent="0.25">
      <c r="A2289" s="7"/>
      <c r="B2289"/>
      <c r="C2289" s="23" t="s">
        <v>5072</v>
      </c>
      <c r="D2289" s="23" t="s">
        <v>2241</v>
      </c>
      <c r="E2289" s="1" t="str">
        <f t="shared" ref="E2289:E2292" si="541" xml:space="preserve"> HYPERLINK(CONCATENATE("http://www.sap.com/community/tag.html?id=",$F2289))</f>
        <v>http://www.sap.com/community/tag.html?id=67838200100800005192</v>
      </c>
      <c r="F2289" s="23" t="s">
        <v>4838</v>
      </c>
      <c r="G2289"/>
      <c r="H2289"/>
      <c r="I2289"/>
      <c r="J2289"/>
    </row>
    <row r="2290" spans="1:10" x14ac:dyDescent="0.25">
      <c r="A2290" s="7"/>
      <c r="B2290" s="23"/>
      <c r="C2290" t="s">
        <v>5392</v>
      </c>
      <c r="D2290" s="23" t="s">
        <v>2241</v>
      </c>
      <c r="E2290" s="1" t="str">
        <f t="shared" si="541"/>
        <v>http://www.sap.com/community/tag.html?id=73554900100800000794</v>
      </c>
      <c r="F2290" s="23" t="s">
        <v>5363</v>
      </c>
      <c r="G2290"/>
      <c r="H2290"/>
      <c r="I2290"/>
      <c r="J2290"/>
    </row>
    <row r="2291" spans="1:10" x14ac:dyDescent="0.25">
      <c r="A2291" s="7"/>
      <c r="B2291"/>
      <c r="C2291" s="23" t="s">
        <v>951</v>
      </c>
      <c r="D2291" s="23" t="s">
        <v>2241</v>
      </c>
      <c r="E2291" s="1" t="str">
        <f t="shared" si="541"/>
        <v>http://www.sap.com/community/tag.html?id=73555000100800000427</v>
      </c>
      <c r="F2291" s="23" t="s">
        <v>4441</v>
      </c>
      <c r="G2291"/>
      <c r="H2291"/>
      <c r="I2291"/>
      <c r="J2291"/>
    </row>
    <row r="2292" spans="1:10" x14ac:dyDescent="0.25">
      <c r="A2292" s="7"/>
      <c r="B2292" s="23"/>
      <c r="C2292" t="s">
        <v>5073</v>
      </c>
      <c r="D2292" s="23" t="s">
        <v>2241</v>
      </c>
      <c r="E2292" s="1" t="str">
        <f t="shared" si="541"/>
        <v>http://www.sap.com/community/tag.html?id=73555000100800000631</v>
      </c>
      <c r="F2292" s="23" t="s">
        <v>5123</v>
      </c>
      <c r="G2292"/>
      <c r="H2292"/>
      <c r="I2292"/>
      <c r="J2292"/>
    </row>
    <row r="2293" spans="1:10" x14ac:dyDescent="0.25">
      <c r="A2293" s="7"/>
      <c r="B2293" t="s">
        <v>502</v>
      </c>
      <c r="C2293" s="23"/>
      <c r="D2293" s="7" t="s">
        <v>5032</v>
      </c>
      <c r="E2293" s="1"/>
      <c r="F2293" s="23" t="s">
        <v>4442</v>
      </c>
      <c r="G2293"/>
      <c r="H2293"/>
      <c r="I2293"/>
      <c r="J2293"/>
    </row>
    <row r="2294" spans="1:10" x14ac:dyDescent="0.25">
      <c r="A2294" s="7"/>
      <c r="B2294" s="23"/>
      <c r="C2294" t="s">
        <v>502</v>
      </c>
      <c r="D2294" s="23" t="s">
        <v>2241</v>
      </c>
      <c r="E2294" s="1" t="str">
        <f t="shared" ref="E2294" si="542" xml:space="preserve"> HYPERLINK(CONCATENATE("http://www.sap.com/community/tag.html?id=",$F2294))</f>
        <v>http://www.sap.com/community/tag.html?id=67838200100800006383</v>
      </c>
      <c r="F2294" s="23" t="s">
        <v>4443</v>
      </c>
      <c r="G2294"/>
      <c r="H2294"/>
      <c r="I2294"/>
      <c r="J2294"/>
    </row>
    <row r="2295" spans="1:10" x14ac:dyDescent="0.25">
      <c r="A2295" s="7"/>
      <c r="B2295" t="s">
        <v>822</v>
      </c>
      <c r="C2295" s="23"/>
      <c r="D2295" s="7" t="s">
        <v>5032</v>
      </c>
      <c r="E2295" s="1"/>
      <c r="F2295" s="23" t="s">
        <v>4444</v>
      </c>
      <c r="G2295"/>
      <c r="H2295"/>
      <c r="I2295"/>
      <c r="J2295"/>
    </row>
    <row r="2296" spans="1:10" x14ac:dyDescent="0.25">
      <c r="A2296" s="7"/>
      <c r="B2296" s="23"/>
      <c r="C2296" t="s">
        <v>822</v>
      </c>
      <c r="D2296" s="23" t="s">
        <v>2241</v>
      </c>
      <c r="E2296" s="1" t="str">
        <f t="shared" ref="E2296" si="543" xml:space="preserve"> HYPERLINK(CONCATENATE("http://www.sap.com/community/tag.html?id=",$F2296))</f>
        <v>http://www.sap.com/community/tag.html?id=67838200100800006438</v>
      </c>
      <c r="F2296" s="23" t="s">
        <v>4445</v>
      </c>
      <c r="G2296"/>
      <c r="H2296"/>
      <c r="I2296"/>
      <c r="J2296"/>
    </row>
    <row r="2297" spans="1:10" x14ac:dyDescent="0.25">
      <c r="A2297" s="7"/>
      <c r="B2297" t="s">
        <v>1007</v>
      </c>
      <c r="C2297" s="23"/>
      <c r="D2297" s="7" t="s">
        <v>5032</v>
      </c>
      <c r="E2297" s="1"/>
      <c r="F2297" s="23" t="s">
        <v>4446</v>
      </c>
      <c r="G2297"/>
      <c r="H2297"/>
      <c r="I2297"/>
      <c r="J2297"/>
    </row>
    <row r="2298" spans="1:10" x14ac:dyDescent="0.25">
      <c r="A2298" s="7"/>
      <c r="B2298"/>
      <c r="C2298" s="23" t="s">
        <v>1007</v>
      </c>
      <c r="D2298" s="23" t="s">
        <v>2241</v>
      </c>
      <c r="E2298" s="1" t="str">
        <f t="shared" ref="E2298" si="544" xml:space="preserve"> HYPERLINK(CONCATENATE("http://www.sap.com/community/tag.html?id=",$F2298))</f>
        <v>http://www.sap.com/community/tag.html?id=73554900100800000193</v>
      </c>
      <c r="F2298" s="23" t="s">
        <v>4447</v>
      </c>
      <c r="G2298"/>
      <c r="H2298"/>
      <c r="I2298"/>
      <c r="J2298"/>
    </row>
    <row r="2299" spans="1:10" x14ac:dyDescent="0.25">
      <c r="A2299" s="7"/>
      <c r="B2299" s="23" t="s">
        <v>580</v>
      </c>
      <c r="C2299"/>
      <c r="D2299" s="7" t="s">
        <v>5032</v>
      </c>
      <c r="E2299" s="1"/>
      <c r="F2299" s="23" t="s">
        <v>4448</v>
      </c>
      <c r="G2299"/>
      <c r="H2299"/>
      <c r="I2299"/>
      <c r="J2299"/>
    </row>
    <row r="2300" spans="1:10" x14ac:dyDescent="0.25">
      <c r="A2300" s="7"/>
      <c r="B2300"/>
      <c r="C2300" s="23" t="s">
        <v>580</v>
      </c>
      <c r="D2300" s="23" t="s">
        <v>2241</v>
      </c>
      <c r="E2300" s="1" t="str">
        <f t="shared" ref="E2300" si="545" xml:space="preserve"> HYPERLINK(CONCATENATE("http://www.sap.com/community/tag.html?id=",$F2300))</f>
        <v>http://www.sap.com/community/tag.html?id=01200314690800000144</v>
      </c>
      <c r="F2300" s="23" t="s">
        <v>4449</v>
      </c>
      <c r="G2300"/>
      <c r="H2300"/>
      <c r="I2300"/>
      <c r="J2300"/>
    </row>
    <row r="2301" spans="1:10" x14ac:dyDescent="0.25">
      <c r="A2301" s="7"/>
      <c r="B2301" s="23" t="s">
        <v>1730</v>
      </c>
      <c r="C2301"/>
      <c r="D2301" s="7" t="s">
        <v>5032</v>
      </c>
      <c r="E2301" s="1"/>
      <c r="F2301" s="23" t="s">
        <v>4450</v>
      </c>
      <c r="G2301"/>
      <c r="H2301"/>
      <c r="I2301"/>
      <c r="J2301"/>
    </row>
    <row r="2302" spans="1:10" x14ac:dyDescent="0.25">
      <c r="A2302" s="7"/>
      <c r="B2302"/>
      <c r="C2302" s="23" t="s">
        <v>1730</v>
      </c>
      <c r="D2302" s="23" t="s">
        <v>2241</v>
      </c>
      <c r="E2302" s="1" t="str">
        <f t="shared" ref="E2302" si="546" xml:space="preserve"> HYPERLINK(CONCATENATE("http://www.sap.com/community/tag.html?id=",$F2302))</f>
        <v>http://www.sap.com/community/tag.html?id=67837800100800007297</v>
      </c>
      <c r="F2302" s="23" t="s">
        <v>4451</v>
      </c>
      <c r="G2302"/>
      <c r="H2302"/>
      <c r="I2302"/>
      <c r="J2302"/>
    </row>
    <row r="2303" spans="1:10" x14ac:dyDescent="0.25">
      <c r="A2303" s="7"/>
      <c r="B2303" t="s">
        <v>546</v>
      </c>
      <c r="C2303" s="23"/>
      <c r="D2303" s="7" t="s">
        <v>5032</v>
      </c>
      <c r="E2303" s="1"/>
      <c r="F2303" s="23" t="s">
        <v>4452</v>
      </c>
      <c r="G2303"/>
      <c r="H2303"/>
      <c r="I2303"/>
      <c r="J2303"/>
    </row>
    <row r="2304" spans="1:10" x14ac:dyDescent="0.25">
      <c r="A2304" s="7"/>
      <c r="B2304"/>
      <c r="C2304" s="23" t="s">
        <v>546</v>
      </c>
      <c r="D2304" s="23" t="s">
        <v>2241</v>
      </c>
      <c r="E2304" s="1" t="str">
        <f t="shared" ref="E2304" si="547" xml:space="preserve"> HYPERLINK(CONCATENATE("http://www.sap.com/community/tag.html?id=",$F2304))</f>
        <v>http://www.sap.com/community/tag.html?id=01200615320800002847</v>
      </c>
      <c r="F2304" s="23" t="s">
        <v>4453</v>
      </c>
      <c r="G2304"/>
      <c r="H2304"/>
      <c r="I2304"/>
      <c r="J2304"/>
    </row>
    <row r="2305" spans="1:10" x14ac:dyDescent="0.25">
      <c r="A2305" s="7"/>
      <c r="B2305" s="23" t="s">
        <v>1790</v>
      </c>
      <c r="C2305"/>
      <c r="D2305" s="7" t="s">
        <v>5032</v>
      </c>
      <c r="E2305" s="1"/>
      <c r="F2305" s="23" t="s">
        <v>4454</v>
      </c>
      <c r="G2305"/>
      <c r="H2305"/>
      <c r="I2305"/>
      <c r="J2305"/>
    </row>
    <row r="2306" spans="1:10" x14ac:dyDescent="0.25">
      <c r="A2306" s="7"/>
      <c r="B2306"/>
      <c r="C2306" s="23" t="s">
        <v>1790</v>
      </c>
      <c r="D2306" s="23" t="s">
        <v>2241</v>
      </c>
      <c r="E2306" s="1" t="str">
        <f t="shared" ref="E2306" si="548" xml:space="preserve"> HYPERLINK(CONCATENATE("http://www.sap.com/community/tag.html?id=",$F2306))</f>
        <v>http://www.sap.com/community/tag.html?id=73554900100800000209</v>
      </c>
      <c r="F2306" s="23" t="s">
        <v>4455</v>
      </c>
      <c r="G2306"/>
      <c r="H2306"/>
      <c r="I2306"/>
      <c r="J2306"/>
    </row>
    <row r="2307" spans="1:10" x14ac:dyDescent="0.25">
      <c r="A2307" s="7"/>
      <c r="B2307" s="23" t="s">
        <v>607</v>
      </c>
      <c r="C2307"/>
      <c r="D2307" s="7" t="s">
        <v>5032</v>
      </c>
      <c r="E2307" s="1"/>
      <c r="F2307" s="23" t="s">
        <v>4456</v>
      </c>
      <c r="G2307"/>
      <c r="H2307"/>
      <c r="I2307"/>
      <c r="J2307"/>
    </row>
    <row r="2308" spans="1:10" x14ac:dyDescent="0.25">
      <c r="A2308" s="7"/>
      <c r="B2308"/>
      <c r="C2308" s="23" t="s">
        <v>607</v>
      </c>
      <c r="D2308" s="23" t="s">
        <v>2241</v>
      </c>
      <c r="E2308" s="1" t="str">
        <f t="shared" ref="E2308" si="549" xml:space="preserve"> HYPERLINK(CONCATENATE("http://www.sap.com/community/tag.html?id=",$F2308))</f>
        <v>http://www.sap.com/community/tag.html?id=01200615320800003031</v>
      </c>
      <c r="F2308" s="23" t="s">
        <v>4457</v>
      </c>
      <c r="G2308"/>
      <c r="H2308"/>
      <c r="I2308"/>
      <c r="J2308"/>
    </row>
    <row r="2309" spans="1:10" x14ac:dyDescent="0.25">
      <c r="A2309" s="7"/>
      <c r="B2309" t="s">
        <v>356</v>
      </c>
      <c r="C2309" s="23"/>
      <c r="D2309" s="7" t="s">
        <v>5032</v>
      </c>
      <c r="E2309" s="1"/>
      <c r="F2309" s="23" t="s">
        <v>4458</v>
      </c>
      <c r="G2309"/>
      <c r="H2309"/>
      <c r="I2309"/>
      <c r="J2309"/>
    </row>
    <row r="2310" spans="1:10" x14ac:dyDescent="0.25">
      <c r="A2310" s="7"/>
      <c r="B2310" s="23"/>
      <c r="C2310" t="s">
        <v>284</v>
      </c>
      <c r="D2310" s="23" t="s">
        <v>2241</v>
      </c>
      <c r="E2310" s="1" t="str">
        <f t="shared" ref="E2310" si="550" xml:space="preserve"> HYPERLINK(CONCATENATE("http://www.sap.com/community/tag.html?id=",$F2310))</f>
        <v>http://www.sap.com/community/tag.html?id=73554900100800000200</v>
      </c>
      <c r="F2310" s="23" t="s">
        <v>4459</v>
      </c>
      <c r="G2310"/>
      <c r="H2310"/>
      <c r="I2310"/>
      <c r="J2310"/>
    </row>
    <row r="2311" spans="1:10" x14ac:dyDescent="0.25">
      <c r="A2311" s="7"/>
      <c r="B2311" t="s">
        <v>2215</v>
      </c>
      <c r="C2311" s="23"/>
      <c r="D2311" s="7" t="s">
        <v>5032</v>
      </c>
      <c r="E2311" s="1"/>
      <c r="F2311" s="23" t="s">
        <v>4460</v>
      </c>
      <c r="G2311"/>
      <c r="H2311"/>
      <c r="I2311"/>
      <c r="J2311"/>
    </row>
    <row r="2312" spans="1:10" x14ac:dyDescent="0.25">
      <c r="A2312" s="7"/>
      <c r="B2312" s="23"/>
      <c r="C2312" t="s">
        <v>2072</v>
      </c>
      <c r="D2312" s="23" t="s">
        <v>2241</v>
      </c>
      <c r="E2312" s="1" t="str">
        <f t="shared" ref="E2312:E2313" si="551" xml:space="preserve"> HYPERLINK(CONCATENATE("http://www.sap.com/community/tag.html?id=",$F2312))</f>
        <v>http://www.sap.com/community/tag.html?id=67838200100800006828</v>
      </c>
      <c r="F2312" s="23" t="s">
        <v>4461</v>
      </c>
      <c r="G2312"/>
      <c r="H2312"/>
      <c r="I2312"/>
      <c r="J2312"/>
    </row>
    <row r="2313" spans="1:10" x14ac:dyDescent="0.25">
      <c r="A2313" s="7"/>
      <c r="B2313"/>
      <c r="C2313" s="23" t="s">
        <v>1158</v>
      </c>
      <c r="D2313" s="23" t="s">
        <v>2241</v>
      </c>
      <c r="E2313" s="1" t="str">
        <f t="shared" si="551"/>
        <v>http://www.sap.com/community/tag.html?id=73554900100800000011</v>
      </c>
      <c r="F2313" s="23" t="s">
        <v>4462</v>
      </c>
      <c r="G2313"/>
      <c r="H2313"/>
      <c r="I2313"/>
      <c r="J2313"/>
    </row>
    <row r="2314" spans="1:10" x14ac:dyDescent="0.25">
      <c r="A2314" s="7"/>
      <c r="B2314" t="s">
        <v>642</v>
      </c>
      <c r="C2314" s="23"/>
      <c r="D2314" s="7" t="s">
        <v>5032</v>
      </c>
      <c r="E2314" s="1"/>
      <c r="F2314" s="23" t="s">
        <v>4463</v>
      </c>
      <c r="G2314"/>
      <c r="H2314"/>
      <c r="I2314"/>
      <c r="J2314"/>
    </row>
    <row r="2315" spans="1:10" x14ac:dyDescent="0.25">
      <c r="A2315" s="7"/>
      <c r="B2315"/>
      <c r="C2315" s="23" t="s">
        <v>642</v>
      </c>
      <c r="D2315" s="23" t="s">
        <v>2241</v>
      </c>
      <c r="E2315" s="1" t="str">
        <f t="shared" ref="E2315" si="552" xml:space="preserve"> HYPERLINK(CONCATENATE("http://www.sap.com/community/tag.html?id=",$F2315))</f>
        <v>http://www.sap.com/community/tag.html?id=01200314690800001892</v>
      </c>
      <c r="F2315" s="23" t="s">
        <v>4464</v>
      </c>
      <c r="G2315"/>
      <c r="H2315"/>
      <c r="I2315"/>
      <c r="J2315"/>
    </row>
    <row r="2316" spans="1:10" x14ac:dyDescent="0.25">
      <c r="A2316" s="7"/>
      <c r="B2316" s="23" t="s">
        <v>992</v>
      </c>
      <c r="C2316"/>
      <c r="D2316" s="7" t="s">
        <v>5032</v>
      </c>
      <c r="E2316" s="1"/>
      <c r="F2316" s="23" t="s">
        <v>4465</v>
      </c>
      <c r="G2316"/>
      <c r="H2316"/>
      <c r="I2316"/>
      <c r="J2316"/>
    </row>
    <row r="2317" spans="1:10" x14ac:dyDescent="0.25">
      <c r="A2317" s="7"/>
      <c r="B2317"/>
      <c r="C2317" s="23" t="s">
        <v>992</v>
      </c>
      <c r="D2317" s="23" t="s">
        <v>2241</v>
      </c>
      <c r="E2317" s="1" t="str">
        <f t="shared" ref="E2317:E2319" si="553" xml:space="preserve"> HYPERLINK(CONCATENATE("http://www.sap.com/community/tag.html?id=",$F2317))</f>
        <v>http://www.sap.com/community/tag.html?id=01200314690800001925</v>
      </c>
      <c r="F2317" s="23" t="s">
        <v>4466</v>
      </c>
      <c r="G2317"/>
      <c r="H2317"/>
      <c r="I2317"/>
      <c r="J2317"/>
    </row>
    <row r="2318" spans="1:10" x14ac:dyDescent="0.25">
      <c r="A2318" s="7"/>
      <c r="B2318"/>
      <c r="C2318" s="23" t="s">
        <v>2145</v>
      </c>
      <c r="D2318" s="23" t="s">
        <v>2241</v>
      </c>
      <c r="E2318" s="1" t="str">
        <f t="shared" si="553"/>
        <v>http://www.sap.com/community/tag.html?id=01200314690800001926</v>
      </c>
      <c r="F2318" s="23" t="s">
        <v>4467</v>
      </c>
      <c r="G2318"/>
      <c r="H2318"/>
      <c r="I2318"/>
      <c r="J2318"/>
    </row>
    <row r="2319" spans="1:10" x14ac:dyDescent="0.25">
      <c r="A2319" s="7"/>
      <c r="B2319" s="23"/>
      <c r="C2319" t="s">
        <v>1229</v>
      </c>
      <c r="D2319" s="23" t="s">
        <v>2241</v>
      </c>
      <c r="E2319" s="1" t="str">
        <f t="shared" si="553"/>
        <v>http://www.sap.com/community/tag.html?id=01200314690800002012</v>
      </c>
      <c r="F2319" s="23" t="s">
        <v>4468</v>
      </c>
      <c r="G2319"/>
      <c r="H2319"/>
      <c r="I2319"/>
      <c r="J2319"/>
    </row>
    <row r="2320" spans="1:10" x14ac:dyDescent="0.25">
      <c r="A2320" s="7"/>
      <c r="B2320" t="s">
        <v>916</v>
      </c>
      <c r="C2320" s="23"/>
      <c r="D2320" s="7" t="s">
        <v>5032</v>
      </c>
      <c r="E2320" s="1"/>
      <c r="F2320" s="23" t="s">
        <v>4469</v>
      </c>
      <c r="G2320"/>
      <c r="H2320"/>
      <c r="I2320"/>
      <c r="J2320"/>
    </row>
    <row r="2321" spans="1:10" x14ac:dyDescent="0.25">
      <c r="A2321" s="7"/>
      <c r="B2321" s="23"/>
      <c r="C2321" t="s">
        <v>916</v>
      </c>
      <c r="D2321" s="23" t="s">
        <v>2241</v>
      </c>
      <c r="E2321" s="1" t="str">
        <f t="shared" ref="E2321" si="554" xml:space="preserve"> HYPERLINK(CONCATENATE("http://www.sap.com/community/tag.html?id=",$F2321))</f>
        <v>http://www.sap.com/community/tag.html?id=67838200100800005365</v>
      </c>
      <c r="F2321" s="23" t="s">
        <v>4470</v>
      </c>
      <c r="G2321"/>
      <c r="H2321"/>
      <c r="I2321"/>
      <c r="J2321"/>
    </row>
    <row r="2322" spans="1:10" x14ac:dyDescent="0.25">
      <c r="A2322" s="7"/>
      <c r="B2322" t="s">
        <v>1871</v>
      </c>
      <c r="C2322" s="23"/>
      <c r="D2322" s="7" t="s">
        <v>5032</v>
      </c>
      <c r="E2322" s="1"/>
      <c r="F2322" s="23" t="s">
        <v>4471</v>
      </c>
      <c r="G2322"/>
      <c r="H2322"/>
      <c r="I2322"/>
      <c r="J2322"/>
    </row>
    <row r="2323" spans="1:10" x14ac:dyDescent="0.25">
      <c r="A2323" s="7"/>
      <c r="B2323" s="23"/>
      <c r="C2323" t="s">
        <v>1687</v>
      </c>
      <c r="D2323" s="23" t="s">
        <v>2241</v>
      </c>
      <c r="E2323" s="1" t="str">
        <f t="shared" ref="E2323:E2324" si="555" xml:space="preserve"> HYPERLINK(CONCATENATE("http://www.sap.com/community/tag.html?id=",$F2323))</f>
        <v>http://www.sap.com/community/tag.html?id=67838200100800006647</v>
      </c>
      <c r="F2323" s="23" t="s">
        <v>4472</v>
      </c>
      <c r="G2323"/>
      <c r="H2323"/>
      <c r="I2323"/>
      <c r="J2323"/>
    </row>
    <row r="2324" spans="1:10" x14ac:dyDescent="0.25">
      <c r="A2324" s="7"/>
      <c r="B2324"/>
      <c r="C2324" s="23" t="s">
        <v>333</v>
      </c>
      <c r="D2324" s="23" t="s">
        <v>2241</v>
      </c>
      <c r="E2324" s="1" t="str">
        <f t="shared" si="555"/>
        <v>http://www.sap.com/community/tag.html?id=67838200100800006567</v>
      </c>
      <c r="F2324" s="23" t="s">
        <v>4473</v>
      </c>
      <c r="G2324"/>
      <c r="H2324"/>
      <c r="I2324"/>
      <c r="J2324"/>
    </row>
    <row r="2325" spans="1:10" x14ac:dyDescent="0.25">
      <c r="A2325" s="7"/>
      <c r="B2325" t="s">
        <v>56</v>
      </c>
      <c r="C2325" s="23"/>
      <c r="D2325" s="7" t="s">
        <v>5032</v>
      </c>
      <c r="E2325" s="1"/>
      <c r="F2325" s="23" t="s">
        <v>4474</v>
      </c>
      <c r="G2325"/>
      <c r="H2325"/>
      <c r="I2325"/>
      <c r="J2325"/>
    </row>
    <row r="2326" spans="1:10" x14ac:dyDescent="0.25">
      <c r="A2326" s="7"/>
      <c r="B2326" s="23"/>
      <c r="C2326" t="s">
        <v>56</v>
      </c>
      <c r="D2326" s="23" t="s">
        <v>2241</v>
      </c>
      <c r="E2326" s="1" t="str">
        <f t="shared" ref="E2326" si="556" xml:space="preserve"> HYPERLINK(CONCATENATE("http://www.sap.com/community/tag.html?id=",$F2326))</f>
        <v>http://www.sap.com/community/tag.html?id=01200314690800000241</v>
      </c>
      <c r="F2326" s="23" t="s">
        <v>4475</v>
      </c>
      <c r="G2326"/>
      <c r="H2326"/>
      <c r="I2326"/>
      <c r="J2326"/>
    </row>
    <row r="2327" spans="1:10" x14ac:dyDescent="0.25">
      <c r="A2327" s="7"/>
      <c r="B2327" t="s">
        <v>549</v>
      </c>
      <c r="C2327" s="23"/>
      <c r="D2327" s="7" t="s">
        <v>5032</v>
      </c>
      <c r="E2327" s="1"/>
      <c r="F2327" s="23" t="s">
        <v>4476</v>
      </c>
      <c r="G2327"/>
      <c r="H2327"/>
      <c r="I2327"/>
      <c r="J2327"/>
    </row>
    <row r="2328" spans="1:10" x14ac:dyDescent="0.25">
      <c r="A2328" s="7"/>
      <c r="B2328"/>
      <c r="C2328" s="23" t="s">
        <v>606</v>
      </c>
      <c r="D2328" s="23" t="s">
        <v>2241</v>
      </c>
      <c r="E2328" s="1" t="str">
        <f t="shared" ref="E2328:E2330" si="557" xml:space="preserve"> HYPERLINK(CONCATENATE("http://www.sap.com/community/tag.html?id=",$F2328))</f>
        <v>http://www.sap.com/community/tag.html?id=01200314690800000142</v>
      </c>
      <c r="F2328" s="23" t="s">
        <v>4477</v>
      </c>
      <c r="G2328"/>
      <c r="H2328"/>
      <c r="I2328"/>
      <c r="J2328"/>
    </row>
    <row r="2329" spans="1:10" x14ac:dyDescent="0.25">
      <c r="A2329" s="7"/>
      <c r="B2329"/>
      <c r="C2329" s="23" t="s">
        <v>1840</v>
      </c>
      <c r="D2329" s="23" t="s">
        <v>2241</v>
      </c>
      <c r="E2329" s="1" t="str">
        <f t="shared" si="557"/>
        <v>http://www.sap.com/community/tag.html?id=01200314690800000143</v>
      </c>
      <c r="F2329" s="23" t="s">
        <v>4478</v>
      </c>
      <c r="G2329"/>
      <c r="H2329"/>
      <c r="I2329"/>
      <c r="J2329"/>
    </row>
    <row r="2330" spans="1:10" x14ac:dyDescent="0.25">
      <c r="A2330" s="7"/>
      <c r="B2330"/>
      <c r="C2330" s="23" t="s">
        <v>1137</v>
      </c>
      <c r="D2330" s="23" t="s">
        <v>2241</v>
      </c>
      <c r="E2330" s="1" t="str">
        <f t="shared" si="557"/>
        <v>http://www.sap.com/community/tag.html?id=01200314690800000152</v>
      </c>
      <c r="F2330" s="23" t="s">
        <v>4479</v>
      </c>
      <c r="G2330"/>
      <c r="H2330"/>
      <c r="I2330"/>
      <c r="J2330"/>
    </row>
    <row r="2331" spans="1:10" x14ac:dyDescent="0.25">
      <c r="A2331" s="7"/>
      <c r="B2331" t="s">
        <v>1691</v>
      </c>
      <c r="C2331" s="23"/>
      <c r="D2331" s="7" t="s">
        <v>5032</v>
      </c>
      <c r="E2331" s="1"/>
      <c r="F2331" s="23" t="s">
        <v>4480</v>
      </c>
      <c r="G2331"/>
      <c r="H2331"/>
      <c r="I2331"/>
      <c r="J2331"/>
    </row>
    <row r="2332" spans="1:10" x14ac:dyDescent="0.25">
      <c r="A2332" s="7"/>
      <c r="B2332"/>
      <c r="C2332" s="23" t="s">
        <v>1691</v>
      </c>
      <c r="D2332" s="23" t="s">
        <v>2241</v>
      </c>
      <c r="E2332" s="1" t="str">
        <f t="shared" ref="E2332:E2333" si="558" xml:space="preserve"> HYPERLINK(CONCATENATE("http://www.sap.com/community/tag.html?id=",$F2332))</f>
        <v>http://www.sap.com/community/tag.html?id=73555000100800000147</v>
      </c>
      <c r="F2332" s="23" t="s">
        <v>4481</v>
      </c>
      <c r="G2332"/>
      <c r="H2332"/>
      <c r="I2332"/>
      <c r="J2332"/>
    </row>
    <row r="2333" spans="1:10" x14ac:dyDescent="0.25">
      <c r="A2333" s="7"/>
      <c r="B2333"/>
      <c r="C2333" s="23" t="s">
        <v>1003</v>
      </c>
      <c r="D2333" s="23" t="s">
        <v>2241</v>
      </c>
      <c r="E2333" s="1" t="str">
        <f t="shared" si="558"/>
        <v>http://www.sap.com/community/tag.html?id=01200615320800000859</v>
      </c>
      <c r="F2333" s="23" t="s">
        <v>4482</v>
      </c>
      <c r="G2333"/>
      <c r="H2333"/>
      <c r="I2333"/>
      <c r="J2333"/>
    </row>
    <row r="2334" spans="1:10" x14ac:dyDescent="0.25">
      <c r="A2334" s="7"/>
      <c r="B2334" t="s">
        <v>145</v>
      </c>
      <c r="C2334" s="23"/>
      <c r="D2334" s="7" t="s">
        <v>5032</v>
      </c>
      <c r="E2334" s="1"/>
      <c r="F2334" s="23" t="s">
        <v>4483</v>
      </c>
      <c r="G2334"/>
      <c r="H2334"/>
      <c r="I2334"/>
      <c r="J2334"/>
    </row>
    <row r="2335" spans="1:10" x14ac:dyDescent="0.25">
      <c r="A2335" s="7"/>
      <c r="B2335"/>
      <c r="C2335" s="23" t="s">
        <v>145</v>
      </c>
      <c r="D2335" s="23" t="s">
        <v>2241</v>
      </c>
      <c r="E2335" s="1" t="str">
        <f t="shared" ref="E2335" si="559" xml:space="preserve"> HYPERLINK(CONCATENATE("http://www.sap.com/community/tag.html?id=",$F2335))</f>
        <v>http://www.sap.com/community/tag.html?id=01200314690800001207</v>
      </c>
      <c r="F2335" s="23" t="s">
        <v>4484</v>
      </c>
      <c r="G2335"/>
      <c r="H2335"/>
      <c r="I2335"/>
      <c r="J2335"/>
    </row>
    <row r="2336" spans="1:10" x14ac:dyDescent="0.25">
      <c r="A2336" s="7"/>
      <c r="B2336" t="s">
        <v>5448</v>
      </c>
      <c r="C2336" s="23"/>
      <c r="D2336" s="7" t="s">
        <v>5032</v>
      </c>
      <c r="E2336" s="1"/>
      <c r="F2336" s="23" t="s">
        <v>5447</v>
      </c>
      <c r="G2336"/>
      <c r="H2336"/>
      <c r="I2336"/>
      <c r="J2336"/>
    </row>
    <row r="2337" spans="1:10" x14ac:dyDescent="0.25">
      <c r="A2337" s="7"/>
      <c r="B2337"/>
      <c r="C2337" s="23" t="s">
        <v>5450</v>
      </c>
      <c r="D2337" s="23" t="s">
        <v>2241</v>
      </c>
      <c r="E2337" s="1" t="str">
        <f t="shared" ref="E2337" si="560" xml:space="preserve"> HYPERLINK(CONCATENATE("http://www.sap.com/community/tag.html?id=",$F2337))</f>
        <v>http://www.sap.com/community/tag.html?id=73555000100800000556</v>
      </c>
      <c r="F2337" s="23" t="s">
        <v>5449</v>
      </c>
      <c r="G2337"/>
      <c r="H2337"/>
      <c r="I2337"/>
      <c r="J2337"/>
    </row>
    <row r="2338" spans="1:10" x14ac:dyDescent="0.25">
      <c r="A2338" s="7"/>
      <c r="B2338" t="s">
        <v>627</v>
      </c>
      <c r="C2338" s="23"/>
      <c r="D2338" s="7" t="s">
        <v>5032</v>
      </c>
      <c r="E2338" s="1"/>
      <c r="F2338" s="23" t="s">
        <v>4485</v>
      </c>
      <c r="G2338"/>
      <c r="H2338"/>
      <c r="I2338"/>
      <c r="J2338"/>
    </row>
    <row r="2339" spans="1:10" x14ac:dyDescent="0.25">
      <c r="A2339" s="7"/>
      <c r="B2339"/>
      <c r="C2339" s="23" t="s">
        <v>627</v>
      </c>
      <c r="D2339" s="23" t="s">
        <v>2241</v>
      </c>
      <c r="E2339" s="1" t="str">
        <f t="shared" ref="E2339" si="561" xml:space="preserve"> HYPERLINK(CONCATENATE("http://www.sap.com/community/tag.html?id=",$F2339))</f>
        <v>http://www.sap.com/community/tag.html?id=67837800100800004473</v>
      </c>
      <c r="F2339" s="23" t="s">
        <v>4486</v>
      </c>
      <c r="G2339"/>
      <c r="H2339"/>
      <c r="I2339"/>
      <c r="J2339"/>
    </row>
    <row r="2340" spans="1:10" x14ac:dyDescent="0.25">
      <c r="A2340" s="7"/>
      <c r="B2340" t="s">
        <v>472</v>
      </c>
      <c r="C2340" s="23"/>
      <c r="D2340" s="7" t="s">
        <v>5032</v>
      </c>
      <c r="E2340" s="1"/>
      <c r="F2340" s="23" t="s">
        <v>4487</v>
      </c>
      <c r="G2340"/>
      <c r="H2340"/>
      <c r="I2340"/>
      <c r="J2340"/>
    </row>
    <row r="2341" spans="1:10" x14ac:dyDescent="0.25">
      <c r="A2341" s="7"/>
      <c r="B2341"/>
      <c r="C2341" s="23" t="s">
        <v>472</v>
      </c>
      <c r="D2341" s="23" t="s">
        <v>2241</v>
      </c>
      <c r="E2341" s="1" t="str">
        <f t="shared" ref="E2341" si="562" xml:space="preserve"> HYPERLINK(CONCATENATE("http://www.sap.com/community/tag.html?id=",$F2341))</f>
        <v>http://www.sap.com/community/tag.html?id=67837800100800006741</v>
      </c>
      <c r="F2341" s="23" t="s">
        <v>4488</v>
      </c>
      <c r="G2341"/>
      <c r="H2341"/>
      <c r="I2341"/>
      <c r="J2341"/>
    </row>
    <row r="2342" spans="1:10" x14ac:dyDescent="0.25">
      <c r="A2342" s="7"/>
      <c r="B2342" s="23" t="s">
        <v>5393</v>
      </c>
      <c r="C2342"/>
      <c r="D2342" s="7" t="s">
        <v>5032</v>
      </c>
      <c r="E2342" s="1"/>
      <c r="F2342" s="23" t="s">
        <v>5451</v>
      </c>
      <c r="G2342"/>
      <c r="H2342"/>
      <c r="I2342"/>
      <c r="J2342"/>
    </row>
    <row r="2343" spans="1:10" x14ac:dyDescent="0.25">
      <c r="A2343" s="7"/>
      <c r="B2343"/>
      <c r="C2343" s="23" t="s">
        <v>5393</v>
      </c>
      <c r="D2343" s="23" t="s">
        <v>2241</v>
      </c>
      <c r="E2343" s="1" t="str">
        <f t="shared" ref="E2343" si="563" xml:space="preserve"> HYPERLINK(CONCATENATE("http://www.sap.com/community/tag.html?id=",$F2343))</f>
        <v>http://www.sap.com/community/tag.html?id=73555000100800000334</v>
      </c>
      <c r="F2343" s="23" t="s">
        <v>5364</v>
      </c>
      <c r="G2343"/>
      <c r="H2343"/>
      <c r="I2343"/>
      <c r="J2343"/>
    </row>
    <row r="2344" spans="1:10" x14ac:dyDescent="0.25">
      <c r="A2344" s="7"/>
      <c r="B2344" s="23" t="s">
        <v>5394</v>
      </c>
      <c r="C2344"/>
      <c r="D2344" s="7" t="s">
        <v>5032</v>
      </c>
      <c r="E2344" s="1"/>
      <c r="F2344" s="23" t="s">
        <v>4600</v>
      </c>
      <c r="G2344"/>
      <c r="H2344"/>
      <c r="I2344"/>
      <c r="J2344"/>
    </row>
    <row r="2345" spans="1:10" x14ac:dyDescent="0.25">
      <c r="A2345" s="7"/>
      <c r="B2345"/>
      <c r="C2345" s="23" t="s">
        <v>5404</v>
      </c>
      <c r="D2345" s="23" t="s">
        <v>2241</v>
      </c>
      <c r="E2345" s="1" t="str">
        <f t="shared" ref="E2345:E2361" si="564" xml:space="preserve"> HYPERLINK(CONCATENATE("http://www.sap.com/community/tag.html?id=",$F2345))</f>
        <v>http://www.sap.com/community/tag.html?id=67838200100800004383</v>
      </c>
      <c r="F2345" s="23" t="s">
        <v>4581</v>
      </c>
      <c r="G2345"/>
      <c r="H2345"/>
      <c r="I2345"/>
      <c r="J2345"/>
    </row>
    <row r="2346" spans="1:10" x14ac:dyDescent="0.25">
      <c r="A2346" s="7"/>
      <c r="B2346" s="23"/>
      <c r="C2346" t="s">
        <v>5394</v>
      </c>
      <c r="D2346" s="23" t="s">
        <v>2241</v>
      </c>
      <c r="E2346" s="1" t="str">
        <f t="shared" si="564"/>
        <v>http://www.sap.com/community/tag.html?id=01200615320800003694</v>
      </c>
      <c r="F2346" s="23" t="s">
        <v>4603</v>
      </c>
      <c r="G2346"/>
      <c r="H2346"/>
      <c r="I2346"/>
      <c r="J2346"/>
    </row>
    <row r="2347" spans="1:10" x14ac:dyDescent="0.25">
      <c r="A2347" s="7"/>
      <c r="B2347"/>
      <c r="C2347" s="23" t="s">
        <v>5453</v>
      </c>
      <c r="D2347" s="23" t="s">
        <v>2241</v>
      </c>
      <c r="E2347" s="1" t="str">
        <f t="shared" si="564"/>
        <v>http://www.sap.com/community/tag.html?id=73555000100800000691</v>
      </c>
      <c r="F2347" s="23" t="s">
        <v>5452</v>
      </c>
      <c r="G2347"/>
      <c r="H2347"/>
      <c r="I2347"/>
      <c r="J2347"/>
    </row>
    <row r="2348" spans="1:10" x14ac:dyDescent="0.25">
      <c r="A2348" s="7"/>
      <c r="B2348" s="23"/>
      <c r="C2348" t="s">
        <v>5395</v>
      </c>
      <c r="D2348" s="23" t="s">
        <v>2241</v>
      </c>
      <c r="E2348" s="1" t="str">
        <f t="shared" si="564"/>
        <v>http://www.sap.com/community/tag.html?id=67837800100800004901</v>
      </c>
      <c r="F2348" s="23" t="s">
        <v>4601</v>
      </c>
      <c r="G2348"/>
      <c r="H2348"/>
      <c r="I2348"/>
      <c r="J2348"/>
    </row>
    <row r="2349" spans="1:10" x14ac:dyDescent="0.25">
      <c r="A2349" s="7"/>
      <c r="B2349"/>
      <c r="C2349" s="23" t="s">
        <v>5396</v>
      </c>
      <c r="D2349" s="23" t="s">
        <v>2241</v>
      </c>
      <c r="E2349" s="1" t="str">
        <f t="shared" si="564"/>
        <v>http://www.sap.com/community/tag.html?id=67837800100800007337</v>
      </c>
      <c r="F2349" s="23" t="s">
        <v>4489</v>
      </c>
      <c r="G2349"/>
      <c r="H2349"/>
      <c r="I2349"/>
      <c r="J2349"/>
    </row>
    <row r="2350" spans="1:10" x14ac:dyDescent="0.25">
      <c r="A2350" s="7"/>
      <c r="B2350"/>
      <c r="C2350" s="23" t="s">
        <v>5397</v>
      </c>
      <c r="D2350" s="23" t="s">
        <v>2241</v>
      </c>
      <c r="E2350" s="1" t="str">
        <f t="shared" si="564"/>
        <v>http://www.sap.com/community/tag.html?id=73555000100800000425</v>
      </c>
      <c r="F2350" s="23" t="s">
        <v>5129</v>
      </c>
      <c r="G2350"/>
      <c r="H2350"/>
      <c r="I2350"/>
      <c r="J2350"/>
    </row>
    <row r="2351" spans="1:10" x14ac:dyDescent="0.25">
      <c r="A2351" s="7"/>
      <c r="B2351" s="23"/>
      <c r="C2351" t="s">
        <v>5398</v>
      </c>
      <c r="D2351" s="23" t="s">
        <v>2241</v>
      </c>
      <c r="E2351" s="1" t="str">
        <f t="shared" si="564"/>
        <v>http://www.sap.com/community/tag.html?id=67838200100800005117</v>
      </c>
      <c r="F2351" s="23" t="s">
        <v>4605</v>
      </c>
      <c r="G2351"/>
      <c r="H2351"/>
      <c r="I2351"/>
      <c r="J2351"/>
    </row>
    <row r="2352" spans="1:10" x14ac:dyDescent="0.25">
      <c r="A2352" s="7"/>
      <c r="B2352"/>
      <c r="C2352" s="23" t="s">
        <v>5399</v>
      </c>
      <c r="D2352" s="23" t="s">
        <v>2241</v>
      </c>
      <c r="E2352" s="1" t="str">
        <f t="shared" si="564"/>
        <v>http://www.sap.com/community/tag.html?id=67837800100800006801</v>
      </c>
      <c r="F2352" s="23" t="s">
        <v>4606</v>
      </c>
      <c r="G2352"/>
      <c r="H2352"/>
      <c r="I2352"/>
      <c r="J2352"/>
    </row>
    <row r="2353" spans="1:10" x14ac:dyDescent="0.25">
      <c r="A2353" s="7"/>
      <c r="B2353" s="23"/>
      <c r="C2353" t="s">
        <v>5454</v>
      </c>
      <c r="D2353" s="23" t="s">
        <v>2241</v>
      </c>
      <c r="E2353" s="1" t="str">
        <f t="shared" si="564"/>
        <v>http://www.sap.com/community/tag.html?id=73555000100800000182</v>
      </c>
      <c r="F2353" s="23" t="s">
        <v>4604</v>
      </c>
      <c r="G2353"/>
      <c r="H2353"/>
      <c r="I2353"/>
      <c r="J2353"/>
    </row>
    <row r="2354" spans="1:10" x14ac:dyDescent="0.25">
      <c r="A2354" s="7"/>
      <c r="B2354"/>
      <c r="C2354" s="23" t="s">
        <v>5455</v>
      </c>
      <c r="D2354" s="23" t="s">
        <v>2241</v>
      </c>
      <c r="E2354" s="1" t="str">
        <f t="shared" si="564"/>
        <v>http://www.sap.com/community/tag.html?id=01200314690800003678</v>
      </c>
      <c r="F2354" s="23" t="s">
        <v>4608</v>
      </c>
      <c r="G2354"/>
      <c r="H2354"/>
      <c r="I2354"/>
      <c r="J2354"/>
    </row>
    <row r="2355" spans="1:10" x14ac:dyDescent="0.25">
      <c r="A2355" s="7"/>
      <c r="B2355"/>
      <c r="C2355" s="23" t="s">
        <v>5456</v>
      </c>
      <c r="D2355" s="23" t="s">
        <v>2241</v>
      </c>
      <c r="E2355" s="1" t="str">
        <f t="shared" si="564"/>
        <v>http://www.sap.com/community/tag.html?id=73555000100800000130</v>
      </c>
      <c r="F2355" s="23" t="s">
        <v>5365</v>
      </c>
      <c r="G2355"/>
      <c r="H2355"/>
      <c r="I2355"/>
      <c r="J2355"/>
    </row>
    <row r="2356" spans="1:10" x14ac:dyDescent="0.25">
      <c r="A2356" s="7"/>
      <c r="B2356" s="23"/>
      <c r="C2356" t="s">
        <v>5400</v>
      </c>
      <c r="D2356" s="23" t="s">
        <v>2241</v>
      </c>
      <c r="E2356" s="1" t="str">
        <f t="shared" si="564"/>
        <v>http://www.sap.com/community/tag.html?id=73554900100800000743</v>
      </c>
      <c r="F2356" s="23" t="s">
        <v>5366</v>
      </c>
      <c r="G2356"/>
      <c r="H2356"/>
      <c r="I2356"/>
      <c r="J2356"/>
    </row>
    <row r="2357" spans="1:10" x14ac:dyDescent="0.25">
      <c r="A2357" s="7"/>
      <c r="B2357"/>
      <c r="C2357" s="23" t="s">
        <v>5401</v>
      </c>
      <c r="D2357" s="23" t="s">
        <v>2241</v>
      </c>
      <c r="E2357" s="1" t="str">
        <f t="shared" si="564"/>
        <v>http://www.sap.com/community/tag.html?id=73555000100800000215</v>
      </c>
      <c r="F2357" s="23" t="s">
        <v>3548</v>
      </c>
      <c r="G2357"/>
      <c r="H2357"/>
      <c r="I2357"/>
      <c r="J2357"/>
    </row>
    <row r="2358" spans="1:10" x14ac:dyDescent="0.25">
      <c r="A2358" s="7"/>
      <c r="B2358"/>
      <c r="C2358" s="23" t="s">
        <v>5402</v>
      </c>
      <c r="D2358" s="23" t="s">
        <v>2241</v>
      </c>
      <c r="E2358" s="1" t="str">
        <f t="shared" si="564"/>
        <v>http://www.sap.com/community/tag.html?id=67837800100800007077</v>
      </c>
      <c r="F2358" s="23" t="s">
        <v>4609</v>
      </c>
      <c r="G2358"/>
      <c r="H2358"/>
      <c r="I2358"/>
      <c r="J2358"/>
    </row>
    <row r="2359" spans="1:10" x14ac:dyDescent="0.25">
      <c r="A2359" s="7"/>
      <c r="B2359"/>
      <c r="C2359" s="23" t="s">
        <v>132</v>
      </c>
      <c r="D2359" s="23" t="s">
        <v>2241</v>
      </c>
      <c r="E2359" s="1" t="str">
        <f t="shared" si="564"/>
        <v>http://www.sap.com/community/tag.html?id=67838200100800006241</v>
      </c>
      <c r="F2359" s="23" t="s">
        <v>4602</v>
      </c>
      <c r="G2359"/>
      <c r="H2359"/>
      <c r="I2359"/>
      <c r="J2359"/>
    </row>
    <row r="2360" spans="1:10" x14ac:dyDescent="0.25">
      <c r="A2360" s="7"/>
      <c r="B2360"/>
      <c r="C2360" s="23" t="s">
        <v>275</v>
      </c>
      <c r="D2360" s="23" t="s">
        <v>2241</v>
      </c>
      <c r="E2360" s="1" t="str">
        <f t="shared" si="564"/>
        <v>http://www.sap.com/community/tag.html?id=67837800100800005974</v>
      </c>
      <c r="F2360" s="23" t="s">
        <v>4607</v>
      </c>
      <c r="G2360"/>
      <c r="H2360"/>
      <c r="I2360"/>
      <c r="J2360"/>
    </row>
    <row r="2361" spans="1:10" x14ac:dyDescent="0.25">
      <c r="A2361" s="7"/>
      <c r="B2361"/>
      <c r="C2361" s="23" t="s">
        <v>5079</v>
      </c>
      <c r="D2361" s="23" t="s">
        <v>2241</v>
      </c>
      <c r="E2361" s="1" t="str">
        <f t="shared" si="564"/>
        <v>http://www.sap.com/community/tag.html?id=73555000100800000445</v>
      </c>
      <c r="F2361" s="23" t="s">
        <v>5130</v>
      </c>
      <c r="G2361"/>
      <c r="H2361"/>
      <c r="I2361"/>
      <c r="J2361"/>
    </row>
    <row r="2362" spans="1:10" x14ac:dyDescent="0.25">
      <c r="A2362" s="7"/>
      <c r="B2362" t="s">
        <v>1272</v>
      </c>
      <c r="C2362" s="23"/>
      <c r="D2362" s="7" t="s">
        <v>5032</v>
      </c>
      <c r="E2362" s="1"/>
      <c r="F2362" s="23" t="s">
        <v>4490</v>
      </c>
      <c r="G2362"/>
      <c r="H2362"/>
      <c r="I2362"/>
      <c r="J2362"/>
    </row>
    <row r="2363" spans="1:10" x14ac:dyDescent="0.25">
      <c r="A2363" s="7"/>
      <c r="B2363"/>
      <c r="C2363" s="23" t="s">
        <v>950</v>
      </c>
      <c r="D2363" s="23" t="s">
        <v>2241</v>
      </c>
      <c r="E2363" s="1" t="str">
        <f t="shared" ref="E2363" si="565" xml:space="preserve"> HYPERLINK(CONCATENATE("http://www.sap.com/community/tag.html?id=",$F2363))</f>
        <v>http://www.sap.com/community/tag.html?id=73555000100800000141</v>
      </c>
      <c r="F2363" s="23" t="s">
        <v>4491</v>
      </c>
      <c r="G2363"/>
      <c r="H2363"/>
      <c r="I2363"/>
      <c r="J2363"/>
    </row>
    <row r="2364" spans="1:10" x14ac:dyDescent="0.25">
      <c r="A2364" s="7"/>
      <c r="B2364" t="s">
        <v>1867</v>
      </c>
      <c r="C2364" s="23"/>
      <c r="D2364" s="7" t="s">
        <v>5032</v>
      </c>
      <c r="E2364" s="1"/>
      <c r="F2364" s="23" t="s">
        <v>4492</v>
      </c>
      <c r="G2364"/>
      <c r="H2364"/>
      <c r="I2364"/>
      <c r="J2364"/>
    </row>
    <row r="2365" spans="1:10" x14ac:dyDescent="0.25">
      <c r="A2365" s="7"/>
      <c r="B2365"/>
      <c r="C2365" s="23" t="s">
        <v>1867</v>
      </c>
      <c r="D2365" s="23" t="s">
        <v>2241</v>
      </c>
      <c r="E2365" s="1" t="str">
        <f t="shared" ref="E2365" si="566" xml:space="preserve"> HYPERLINK(CONCATENATE("http://www.sap.com/community/tag.html?id=",$F2365))</f>
        <v>http://www.sap.com/community/tag.html?id=67837800100800006749</v>
      </c>
      <c r="F2365" s="23" t="s">
        <v>4493</v>
      </c>
      <c r="G2365"/>
      <c r="H2365"/>
      <c r="I2365"/>
      <c r="J2365"/>
    </row>
    <row r="2366" spans="1:10" x14ac:dyDescent="0.25">
      <c r="A2366" s="7"/>
      <c r="B2366" t="s">
        <v>323</v>
      </c>
      <c r="C2366" s="23"/>
      <c r="D2366" s="7" t="s">
        <v>5032</v>
      </c>
      <c r="E2366" s="1"/>
      <c r="F2366" s="23" t="s">
        <v>4494</v>
      </c>
      <c r="G2366"/>
      <c r="H2366"/>
      <c r="I2366"/>
      <c r="J2366"/>
    </row>
    <row r="2367" spans="1:10" x14ac:dyDescent="0.25">
      <c r="A2367" s="7"/>
      <c r="B2367"/>
      <c r="C2367" s="23" t="s">
        <v>323</v>
      </c>
      <c r="D2367" s="23" t="s">
        <v>2241</v>
      </c>
      <c r="E2367" s="1" t="str">
        <f t="shared" ref="E2367" si="567" xml:space="preserve"> HYPERLINK(CONCATENATE("http://www.sap.com/community/tag.html?id=",$F2367))</f>
        <v>http://www.sap.com/community/tag.html?id=73555000100800000342</v>
      </c>
      <c r="F2367" s="23" t="s">
        <v>4495</v>
      </c>
      <c r="G2367"/>
      <c r="H2367"/>
      <c r="I2367"/>
      <c r="J2367"/>
    </row>
    <row r="2368" spans="1:10" x14ac:dyDescent="0.25">
      <c r="A2368" s="7"/>
      <c r="B2368" t="s">
        <v>2146</v>
      </c>
      <c r="C2368" s="23"/>
      <c r="D2368" s="7" t="s">
        <v>5032</v>
      </c>
      <c r="E2368" s="1"/>
      <c r="F2368" s="23" t="s">
        <v>4496</v>
      </c>
      <c r="G2368"/>
      <c r="H2368"/>
      <c r="I2368"/>
      <c r="J2368"/>
    </row>
    <row r="2369" spans="1:10" x14ac:dyDescent="0.25">
      <c r="A2369" s="7"/>
      <c r="B2369"/>
      <c r="C2369" s="23" t="s">
        <v>2154</v>
      </c>
      <c r="D2369" s="23" t="s">
        <v>2241</v>
      </c>
      <c r="E2369" s="1" t="str">
        <f t="shared" ref="E2369" si="568" xml:space="preserve"> HYPERLINK(CONCATENATE("http://www.sap.com/community/tag.html?id=",$F2369))</f>
        <v>http://www.sap.com/community/tag.html?id=01200314690800000242</v>
      </c>
      <c r="F2369" s="23" t="s">
        <v>4497</v>
      </c>
      <c r="G2369"/>
      <c r="H2369"/>
      <c r="I2369"/>
      <c r="J2369"/>
    </row>
    <row r="2370" spans="1:10" x14ac:dyDescent="0.25">
      <c r="A2370" s="7"/>
      <c r="B2370" t="s">
        <v>1522</v>
      </c>
      <c r="C2370" s="23"/>
      <c r="D2370" s="7" t="s">
        <v>5032</v>
      </c>
      <c r="E2370" s="1"/>
      <c r="F2370" s="23" t="s">
        <v>5457</v>
      </c>
      <c r="G2370"/>
      <c r="H2370"/>
      <c r="I2370"/>
      <c r="J2370"/>
    </row>
    <row r="2371" spans="1:10" x14ac:dyDescent="0.25">
      <c r="A2371" s="7"/>
      <c r="B2371"/>
      <c r="C2371" s="23" t="s">
        <v>1522</v>
      </c>
      <c r="D2371" s="23" t="s">
        <v>2241</v>
      </c>
      <c r="E2371" s="1" t="str">
        <f t="shared" ref="E2371" si="569" xml:space="preserve"> HYPERLINK(CONCATENATE("http://www.sap.com/community/tag.html?id=",$F2371))</f>
        <v>http://www.sap.com/community/tag.html?id=01200615320800000728</v>
      </c>
      <c r="F2371" s="23" t="s">
        <v>4498</v>
      </c>
      <c r="G2371"/>
      <c r="H2371"/>
      <c r="I2371"/>
      <c r="J2371"/>
    </row>
    <row r="2372" spans="1:10" x14ac:dyDescent="0.25">
      <c r="A2372" s="7"/>
      <c r="B2372" t="s">
        <v>1271</v>
      </c>
      <c r="C2372" s="23"/>
      <c r="D2372" s="7" t="s">
        <v>5032</v>
      </c>
      <c r="E2372" s="1"/>
      <c r="F2372" s="23" t="s">
        <v>4499</v>
      </c>
      <c r="G2372"/>
      <c r="H2372"/>
      <c r="I2372"/>
      <c r="J2372"/>
    </row>
    <row r="2373" spans="1:10" x14ac:dyDescent="0.25">
      <c r="A2373" s="7"/>
      <c r="B2373"/>
      <c r="C2373" s="23" t="s">
        <v>1271</v>
      </c>
      <c r="D2373" s="23" t="s">
        <v>2241</v>
      </c>
      <c r="E2373" s="1" t="str">
        <f t="shared" ref="E2373" si="570" xml:space="preserve"> HYPERLINK(CONCATENATE("http://www.sap.com/community/tag.html?id=",$F2373))</f>
        <v>http://www.sap.com/community/tag.html?id=67837800100800007359</v>
      </c>
      <c r="F2373" s="23" t="s">
        <v>4500</v>
      </c>
      <c r="G2373"/>
      <c r="H2373"/>
      <c r="I2373"/>
      <c r="J2373"/>
    </row>
    <row r="2374" spans="1:10" x14ac:dyDescent="0.25">
      <c r="A2374" s="7"/>
      <c r="B2374" t="s">
        <v>50</v>
      </c>
      <c r="C2374" s="23"/>
      <c r="D2374" s="7" t="s">
        <v>5032</v>
      </c>
      <c r="E2374" s="1"/>
      <c r="F2374" s="23" t="s">
        <v>4501</v>
      </c>
      <c r="G2374"/>
      <c r="H2374"/>
      <c r="I2374"/>
      <c r="J2374"/>
    </row>
    <row r="2375" spans="1:10" x14ac:dyDescent="0.25">
      <c r="A2375" s="7"/>
      <c r="B2375"/>
      <c r="C2375" s="23" t="s">
        <v>50</v>
      </c>
      <c r="D2375" s="23" t="s">
        <v>2241</v>
      </c>
      <c r="E2375" s="1" t="str">
        <f t="shared" ref="E2375:E2377" si="571" xml:space="preserve"> HYPERLINK(CONCATENATE("http://www.sap.com/community/tag.html?id=",$F2375))</f>
        <v>http://www.sap.com/community/tag.html?id=67837800100800007197</v>
      </c>
      <c r="F2375" s="23" t="s">
        <v>4502</v>
      </c>
      <c r="G2375"/>
      <c r="H2375"/>
      <c r="I2375"/>
      <c r="J2375"/>
    </row>
    <row r="2376" spans="1:10" x14ac:dyDescent="0.25">
      <c r="A2376" s="7"/>
      <c r="B2376"/>
      <c r="C2376" s="23" t="s">
        <v>93</v>
      </c>
      <c r="D2376" s="23" t="s">
        <v>2241</v>
      </c>
      <c r="E2376" s="1" t="str">
        <f t="shared" si="571"/>
        <v>http://www.sap.com/community/tag.html?id=01200314690800000961</v>
      </c>
      <c r="F2376" s="23" t="s">
        <v>4503</v>
      </c>
      <c r="G2376"/>
      <c r="H2376"/>
      <c r="I2376"/>
      <c r="J2376"/>
    </row>
    <row r="2377" spans="1:10" x14ac:dyDescent="0.25">
      <c r="A2377" s="7"/>
      <c r="B2377" t="s">
        <v>157</v>
      </c>
      <c r="C2377" s="23"/>
      <c r="D2377" s="7" t="s">
        <v>2241</v>
      </c>
      <c r="E2377" s="1" t="str">
        <f t="shared" si="571"/>
        <v>http://www.sap.com/community/tag.html?id=73554900100700000977</v>
      </c>
      <c r="F2377" s="23" t="s">
        <v>4504</v>
      </c>
      <c r="G2377"/>
      <c r="H2377"/>
      <c r="I2377"/>
      <c r="J2377"/>
    </row>
    <row r="2378" spans="1:10" x14ac:dyDescent="0.25">
      <c r="A2378" s="7"/>
      <c r="B2378"/>
      <c r="C2378" s="23" t="s">
        <v>22</v>
      </c>
      <c r="D2378" s="23" t="s">
        <v>2241</v>
      </c>
      <c r="E2378" s="1" t="str">
        <f t="shared" ref="E2378:E2441" si="572" xml:space="preserve"> HYPERLINK(CONCATENATE("http://www.sap.com/community/tag.html?id=",$F2378))</f>
        <v>http://www.sap.com/community/tag.html?id=67838200100800006134</v>
      </c>
      <c r="F2378" s="23" t="s">
        <v>4505</v>
      </c>
      <c r="G2378"/>
      <c r="H2378"/>
      <c r="I2378"/>
      <c r="J2378"/>
    </row>
    <row r="2379" spans="1:10" x14ac:dyDescent="0.25">
      <c r="A2379" s="7"/>
      <c r="B2379"/>
      <c r="C2379" s="23" t="s">
        <v>860</v>
      </c>
      <c r="D2379" s="23" t="s">
        <v>2241</v>
      </c>
      <c r="E2379" s="1" t="str">
        <f t="shared" si="572"/>
        <v>http://www.sap.com/community/tag.html?id=67838200100800006057</v>
      </c>
      <c r="F2379" s="23" t="s">
        <v>4506</v>
      </c>
      <c r="G2379"/>
      <c r="H2379"/>
      <c r="I2379"/>
      <c r="J2379"/>
    </row>
    <row r="2380" spans="1:10" x14ac:dyDescent="0.25">
      <c r="A2380" s="7"/>
      <c r="B2380"/>
      <c r="C2380" s="23" t="s">
        <v>2185</v>
      </c>
      <c r="D2380" s="23" t="s">
        <v>2241</v>
      </c>
      <c r="E2380" s="1" t="str">
        <f t="shared" si="572"/>
        <v>http://www.sap.com/community/tag.html?id=67838200100800006136</v>
      </c>
      <c r="F2380" s="23" t="s">
        <v>4507</v>
      </c>
      <c r="G2380"/>
      <c r="H2380"/>
      <c r="I2380"/>
      <c r="J2380"/>
    </row>
    <row r="2381" spans="1:10" x14ac:dyDescent="0.25">
      <c r="A2381" s="7"/>
      <c r="B2381"/>
      <c r="C2381" s="23" t="s">
        <v>570</v>
      </c>
      <c r="D2381" s="23" t="s">
        <v>2241</v>
      </c>
      <c r="E2381" s="1" t="str">
        <f t="shared" si="572"/>
        <v>http://www.sap.com/community/tag.html?id=67838200100800006137</v>
      </c>
      <c r="F2381" s="23" t="s">
        <v>4508</v>
      </c>
      <c r="G2381"/>
      <c r="H2381"/>
      <c r="I2381"/>
      <c r="J2381"/>
    </row>
    <row r="2382" spans="1:10" x14ac:dyDescent="0.25">
      <c r="A2382" s="7"/>
      <c r="B2382"/>
      <c r="C2382" s="23" t="s">
        <v>44</v>
      </c>
      <c r="D2382" s="23" t="s">
        <v>2241</v>
      </c>
      <c r="E2382" s="1" t="str">
        <f t="shared" si="572"/>
        <v>http://www.sap.com/community/tag.html?id=67838200100800006142</v>
      </c>
      <c r="F2382" s="23" t="s">
        <v>4509</v>
      </c>
      <c r="G2382"/>
      <c r="H2382"/>
      <c r="I2382"/>
      <c r="J2382"/>
    </row>
    <row r="2383" spans="1:10" x14ac:dyDescent="0.25">
      <c r="A2383" s="7"/>
      <c r="B2383"/>
      <c r="C2383" s="23" t="s">
        <v>899</v>
      </c>
      <c r="D2383" s="23" t="s">
        <v>2241</v>
      </c>
      <c r="E2383" s="1" t="str">
        <f t="shared" si="572"/>
        <v>http://www.sap.com/community/tag.html?id=67838200100800006135</v>
      </c>
      <c r="F2383" s="23" t="s">
        <v>4510</v>
      </c>
      <c r="G2383"/>
      <c r="H2383"/>
      <c r="I2383"/>
      <c r="J2383"/>
    </row>
    <row r="2384" spans="1:10" x14ac:dyDescent="0.25">
      <c r="A2384" s="7"/>
      <c r="B2384"/>
      <c r="C2384" s="23" t="s">
        <v>140</v>
      </c>
      <c r="D2384" s="23" t="s">
        <v>2241</v>
      </c>
      <c r="E2384" s="1" t="str">
        <f t="shared" si="572"/>
        <v>http://www.sap.com/community/tag.html?id=67838200100800006121</v>
      </c>
      <c r="F2384" s="23" t="s">
        <v>4511</v>
      </c>
      <c r="G2384"/>
      <c r="H2384"/>
      <c r="I2384"/>
      <c r="J2384"/>
    </row>
    <row r="2385" spans="1:10" x14ac:dyDescent="0.25">
      <c r="A2385" s="7"/>
      <c r="B2385"/>
      <c r="C2385" s="23" t="s">
        <v>86</v>
      </c>
      <c r="D2385" s="23" t="s">
        <v>2241</v>
      </c>
      <c r="E2385" s="1" t="str">
        <f t="shared" si="572"/>
        <v>http://www.sap.com/community/tag.html?id=67838200100800006119</v>
      </c>
      <c r="F2385" s="23" t="s">
        <v>4512</v>
      </c>
      <c r="G2385"/>
      <c r="H2385"/>
      <c r="I2385"/>
      <c r="J2385"/>
    </row>
    <row r="2386" spans="1:10" x14ac:dyDescent="0.25">
      <c r="A2386" s="7"/>
      <c r="B2386"/>
      <c r="C2386" s="23" t="s">
        <v>958</v>
      </c>
      <c r="D2386" s="23" t="s">
        <v>2241</v>
      </c>
      <c r="E2386" s="1" t="str">
        <f t="shared" si="572"/>
        <v>http://www.sap.com/community/tag.html?id=67838200100800006120</v>
      </c>
      <c r="F2386" s="23" t="s">
        <v>4513</v>
      </c>
      <c r="G2386"/>
      <c r="H2386"/>
      <c r="I2386"/>
      <c r="J2386"/>
    </row>
    <row r="2387" spans="1:10" x14ac:dyDescent="0.25">
      <c r="A2387" s="7"/>
      <c r="B2387"/>
      <c r="C2387" s="23" t="s">
        <v>42</v>
      </c>
      <c r="D2387" s="23" t="s">
        <v>2241</v>
      </c>
      <c r="E2387" s="1" t="str">
        <f t="shared" si="572"/>
        <v>http://www.sap.com/community/tag.html?id=67838200100800006131</v>
      </c>
      <c r="F2387" s="23" t="s">
        <v>4514</v>
      </c>
      <c r="G2387"/>
      <c r="H2387"/>
      <c r="I2387"/>
      <c r="J2387"/>
    </row>
    <row r="2388" spans="1:10" x14ac:dyDescent="0.25">
      <c r="A2388" s="7"/>
      <c r="B2388"/>
      <c r="C2388" s="23" t="s">
        <v>130</v>
      </c>
      <c r="D2388" s="23" t="s">
        <v>2241</v>
      </c>
      <c r="E2388" s="1" t="str">
        <f t="shared" si="572"/>
        <v>http://www.sap.com/community/tag.html?id=67838200100800006127</v>
      </c>
      <c r="F2388" s="23" t="s">
        <v>4515</v>
      </c>
      <c r="G2388"/>
      <c r="H2388"/>
      <c r="I2388"/>
      <c r="J2388"/>
    </row>
    <row r="2389" spans="1:10" x14ac:dyDescent="0.25">
      <c r="A2389" s="7"/>
      <c r="B2389"/>
      <c r="C2389" s="23" t="s">
        <v>1293</v>
      </c>
      <c r="D2389" s="23" t="s">
        <v>2241</v>
      </c>
      <c r="E2389" s="1" t="str">
        <f t="shared" si="572"/>
        <v>http://www.sap.com/community/tag.html?id=67838200100800006128</v>
      </c>
      <c r="F2389" s="23" t="s">
        <v>4516</v>
      </c>
      <c r="G2389"/>
      <c r="H2389"/>
      <c r="I2389"/>
      <c r="J2389"/>
    </row>
    <row r="2390" spans="1:10" x14ac:dyDescent="0.25">
      <c r="A2390" s="7"/>
      <c r="B2390"/>
      <c r="C2390" s="23" t="s">
        <v>1492</v>
      </c>
      <c r="D2390" s="23" t="s">
        <v>2241</v>
      </c>
      <c r="E2390" s="1" t="str">
        <f t="shared" si="572"/>
        <v>http://www.sap.com/community/tag.html?id=67838200100800006132</v>
      </c>
      <c r="F2390" s="23" t="s">
        <v>4517</v>
      </c>
      <c r="G2390"/>
      <c r="H2390"/>
      <c r="I2390"/>
      <c r="J2390"/>
    </row>
    <row r="2391" spans="1:10" x14ac:dyDescent="0.25">
      <c r="A2391" s="7"/>
      <c r="B2391"/>
      <c r="C2391" s="23" t="s">
        <v>1435</v>
      </c>
      <c r="D2391" s="23" t="s">
        <v>2241</v>
      </c>
      <c r="E2391" s="1" t="str">
        <f t="shared" si="572"/>
        <v>http://www.sap.com/community/tag.html?id=67838200100800006118</v>
      </c>
      <c r="F2391" s="23" t="s">
        <v>4518</v>
      </c>
      <c r="G2391"/>
      <c r="H2391"/>
      <c r="I2391"/>
      <c r="J2391"/>
    </row>
    <row r="2392" spans="1:10" x14ac:dyDescent="0.25">
      <c r="A2392" s="7"/>
      <c r="B2392"/>
      <c r="C2392" s="23" t="s">
        <v>397</v>
      </c>
      <c r="D2392" s="23" t="s">
        <v>2241</v>
      </c>
      <c r="E2392" s="1" t="str">
        <f t="shared" si="572"/>
        <v>http://www.sap.com/community/tag.html?id=67838200100800006133</v>
      </c>
      <c r="F2392" s="23" t="s">
        <v>4519</v>
      </c>
      <c r="G2392"/>
      <c r="H2392"/>
      <c r="I2392"/>
      <c r="J2392"/>
    </row>
    <row r="2393" spans="1:10" x14ac:dyDescent="0.25">
      <c r="A2393" s="7"/>
      <c r="B2393"/>
      <c r="C2393" s="23" t="s">
        <v>1513</v>
      </c>
      <c r="D2393" s="23" t="s">
        <v>2241</v>
      </c>
      <c r="E2393" s="1" t="str">
        <f t="shared" si="572"/>
        <v>http://www.sap.com/community/tag.html?id=67838200100800006117</v>
      </c>
      <c r="F2393" s="23" t="s">
        <v>4520</v>
      </c>
      <c r="G2393"/>
      <c r="H2393"/>
      <c r="I2393"/>
      <c r="J2393"/>
    </row>
    <row r="2394" spans="1:10" x14ac:dyDescent="0.25">
      <c r="A2394" s="7"/>
      <c r="B2394"/>
      <c r="C2394" s="23" t="s">
        <v>2101</v>
      </c>
      <c r="D2394" s="23" t="s">
        <v>2241</v>
      </c>
      <c r="E2394" s="1" t="str">
        <f t="shared" si="572"/>
        <v>http://www.sap.com/community/tag.html?id=67838200100800006122</v>
      </c>
      <c r="F2394" s="23" t="s">
        <v>4521</v>
      </c>
      <c r="G2394"/>
      <c r="H2394"/>
      <c r="I2394"/>
      <c r="J2394"/>
    </row>
    <row r="2395" spans="1:10" x14ac:dyDescent="0.25">
      <c r="A2395" s="7"/>
      <c r="B2395"/>
      <c r="C2395" s="23" t="s">
        <v>282</v>
      </c>
      <c r="D2395" s="23" t="s">
        <v>2241</v>
      </c>
      <c r="E2395" s="1" t="str">
        <f t="shared" si="572"/>
        <v>http://www.sap.com/community/tag.html?id=67838200100800006123</v>
      </c>
      <c r="F2395" s="23" t="s">
        <v>4522</v>
      </c>
      <c r="G2395"/>
      <c r="H2395"/>
      <c r="I2395"/>
      <c r="J2395"/>
    </row>
    <row r="2396" spans="1:10" x14ac:dyDescent="0.25">
      <c r="A2396" s="7"/>
      <c r="B2396"/>
      <c r="C2396" s="23" t="s">
        <v>519</v>
      </c>
      <c r="D2396" s="23" t="s">
        <v>2241</v>
      </c>
      <c r="E2396" s="1" t="str">
        <f t="shared" si="572"/>
        <v>http://www.sap.com/community/tag.html?id=67838200100800006109</v>
      </c>
      <c r="F2396" s="23" t="s">
        <v>4523</v>
      </c>
      <c r="G2396"/>
      <c r="H2396"/>
      <c r="I2396"/>
      <c r="J2396"/>
    </row>
    <row r="2397" spans="1:10" x14ac:dyDescent="0.25">
      <c r="A2397" s="7"/>
      <c r="B2397"/>
      <c r="C2397" s="23" t="s">
        <v>460</v>
      </c>
      <c r="D2397" s="23" t="s">
        <v>2241</v>
      </c>
      <c r="E2397" s="1" t="str">
        <f t="shared" si="572"/>
        <v>http://www.sap.com/community/tag.html?id=67838200100800006115</v>
      </c>
      <c r="F2397" s="23" t="s">
        <v>4524</v>
      </c>
      <c r="G2397"/>
      <c r="H2397"/>
      <c r="I2397"/>
      <c r="J2397"/>
    </row>
    <row r="2398" spans="1:10" x14ac:dyDescent="0.25">
      <c r="A2398" s="7"/>
      <c r="B2398"/>
      <c r="C2398" s="23" t="s">
        <v>1253</v>
      </c>
      <c r="D2398" s="23" t="s">
        <v>2241</v>
      </c>
      <c r="E2398" s="1" t="str">
        <f t="shared" si="572"/>
        <v>http://www.sap.com/community/tag.html?id=67838200100800006248</v>
      </c>
      <c r="F2398" s="23" t="s">
        <v>4525</v>
      </c>
      <c r="G2398"/>
      <c r="H2398"/>
      <c r="I2398"/>
      <c r="J2398"/>
    </row>
    <row r="2399" spans="1:10" x14ac:dyDescent="0.25">
      <c r="A2399" s="7"/>
      <c r="B2399"/>
      <c r="C2399" s="23" t="s">
        <v>2233</v>
      </c>
      <c r="D2399" s="23" t="s">
        <v>2241</v>
      </c>
      <c r="E2399" s="1" t="str">
        <f t="shared" si="572"/>
        <v>http://www.sap.com/community/tag.html?id=73555000100800000043</v>
      </c>
      <c r="F2399" s="23" t="s">
        <v>4526</v>
      </c>
      <c r="G2399"/>
      <c r="H2399"/>
      <c r="I2399"/>
      <c r="J2399"/>
    </row>
    <row r="2400" spans="1:10" x14ac:dyDescent="0.25">
      <c r="A2400" s="7"/>
      <c r="B2400"/>
      <c r="C2400" s="23" t="s">
        <v>5074</v>
      </c>
      <c r="D2400" s="23" t="s">
        <v>2241</v>
      </c>
      <c r="E2400" s="1" t="str">
        <f t="shared" si="572"/>
        <v>http://www.sap.com/community/tag.html?id=73555000100800000400</v>
      </c>
      <c r="F2400" s="23" t="s">
        <v>5124</v>
      </c>
      <c r="G2400"/>
      <c r="H2400"/>
      <c r="I2400"/>
      <c r="J2400"/>
    </row>
    <row r="2401" spans="1:10" x14ac:dyDescent="0.25">
      <c r="A2401" s="7"/>
      <c r="B2401"/>
      <c r="C2401" s="23" t="s">
        <v>65</v>
      </c>
      <c r="D2401" s="23" t="s">
        <v>2241</v>
      </c>
      <c r="E2401" s="1" t="str">
        <f t="shared" si="572"/>
        <v>http://www.sap.com/community/tag.html?id=73555000100800000461</v>
      </c>
      <c r="F2401" s="23" t="s">
        <v>4527</v>
      </c>
      <c r="G2401"/>
      <c r="H2401"/>
      <c r="I2401"/>
      <c r="J2401"/>
    </row>
    <row r="2402" spans="1:10" x14ac:dyDescent="0.25">
      <c r="A2402" s="7"/>
      <c r="B2402"/>
      <c r="C2402" s="23" t="s">
        <v>503</v>
      </c>
      <c r="D2402" s="23" t="s">
        <v>2241</v>
      </c>
      <c r="E2402" s="1" t="str">
        <f t="shared" si="572"/>
        <v>http://www.sap.com/community/tag.html?id=67838200100800006537</v>
      </c>
      <c r="F2402" s="23" t="s">
        <v>4528</v>
      </c>
      <c r="G2402"/>
      <c r="H2402"/>
      <c r="I2402"/>
      <c r="J2402"/>
    </row>
    <row r="2403" spans="1:10" x14ac:dyDescent="0.25">
      <c r="A2403" s="7"/>
      <c r="B2403"/>
      <c r="C2403" s="23" t="s">
        <v>1564</v>
      </c>
      <c r="D2403" s="23" t="s">
        <v>2241</v>
      </c>
      <c r="E2403" s="1" t="str">
        <f t="shared" si="572"/>
        <v>http://www.sap.com/community/tag.html?id=67837800100800007345</v>
      </c>
      <c r="F2403" s="23" t="s">
        <v>4529</v>
      </c>
      <c r="G2403"/>
      <c r="H2403"/>
      <c r="I2403"/>
      <c r="J2403"/>
    </row>
    <row r="2404" spans="1:10" x14ac:dyDescent="0.25">
      <c r="A2404" s="7"/>
      <c r="B2404"/>
      <c r="C2404" s="23" t="s">
        <v>1590</v>
      </c>
      <c r="D2404" s="23" t="s">
        <v>2241</v>
      </c>
      <c r="E2404" s="1" t="str">
        <f t="shared" si="572"/>
        <v>http://www.sap.com/community/tag.html?id=73555000100800000162</v>
      </c>
      <c r="F2404" s="23" t="s">
        <v>4530</v>
      </c>
      <c r="G2404"/>
      <c r="H2404"/>
      <c r="I2404"/>
      <c r="J2404"/>
    </row>
    <row r="2405" spans="1:10" x14ac:dyDescent="0.25">
      <c r="A2405" s="7"/>
      <c r="B2405"/>
      <c r="C2405" s="23" t="s">
        <v>1387</v>
      </c>
      <c r="D2405" s="23" t="s">
        <v>2241</v>
      </c>
      <c r="E2405" s="1" t="str">
        <f t="shared" si="572"/>
        <v>http://www.sap.com/community/tag.html?id=73555000100800000152</v>
      </c>
      <c r="F2405" s="23" t="s">
        <v>4531</v>
      </c>
      <c r="G2405"/>
      <c r="H2405"/>
      <c r="I2405"/>
      <c r="J2405"/>
    </row>
    <row r="2406" spans="1:10" x14ac:dyDescent="0.25">
      <c r="A2406" s="7"/>
      <c r="B2406"/>
      <c r="C2406" s="23" t="s">
        <v>5458</v>
      </c>
      <c r="D2406" s="23" t="s">
        <v>2241</v>
      </c>
      <c r="E2406" s="1" t="str">
        <f t="shared" si="572"/>
        <v>http://www.sap.com/community/tag.html?id=73554900100800000375</v>
      </c>
      <c r="F2406" s="23" t="s">
        <v>4565</v>
      </c>
      <c r="G2406"/>
      <c r="H2406"/>
      <c r="I2406"/>
      <c r="J2406"/>
    </row>
    <row r="2407" spans="1:10" x14ac:dyDescent="0.25">
      <c r="A2407" s="7"/>
      <c r="B2407"/>
      <c r="C2407" s="23" t="s">
        <v>5459</v>
      </c>
      <c r="D2407" s="23" t="s">
        <v>2241</v>
      </c>
      <c r="E2407" s="1" t="str">
        <f t="shared" si="572"/>
        <v>http://www.sap.com/community/tag.html?id=73555000100800000061</v>
      </c>
      <c r="F2407" s="23" t="s">
        <v>4566</v>
      </c>
      <c r="G2407"/>
      <c r="H2407"/>
      <c r="I2407"/>
      <c r="J2407"/>
    </row>
    <row r="2408" spans="1:10" x14ac:dyDescent="0.25">
      <c r="A2408" s="7"/>
      <c r="B2408"/>
      <c r="C2408" s="23" t="s">
        <v>2225</v>
      </c>
      <c r="D2408" s="23" t="s">
        <v>2241</v>
      </c>
      <c r="E2408" s="1" t="str">
        <f t="shared" si="572"/>
        <v>http://www.sap.com/community/tag.html?id=67838200100800006469</v>
      </c>
      <c r="F2408" s="23" t="s">
        <v>4532</v>
      </c>
      <c r="G2408"/>
      <c r="H2408"/>
      <c r="I2408"/>
      <c r="J2408"/>
    </row>
    <row r="2409" spans="1:10" x14ac:dyDescent="0.25">
      <c r="A2409" s="7"/>
      <c r="B2409"/>
      <c r="C2409" s="23" t="s">
        <v>1639</v>
      </c>
      <c r="D2409" s="23" t="s">
        <v>2241</v>
      </c>
      <c r="E2409" s="1" t="str">
        <f t="shared" si="572"/>
        <v>http://www.sap.com/community/tag.html?id=73554900100800000019</v>
      </c>
      <c r="F2409" s="23" t="s">
        <v>4533</v>
      </c>
      <c r="G2409"/>
      <c r="H2409"/>
      <c r="I2409"/>
      <c r="J2409"/>
    </row>
    <row r="2410" spans="1:10" x14ac:dyDescent="0.25">
      <c r="A2410" s="7"/>
      <c r="B2410"/>
      <c r="C2410" s="23" t="s">
        <v>1960</v>
      </c>
      <c r="D2410" s="23" t="s">
        <v>2241</v>
      </c>
      <c r="E2410" s="1" t="str">
        <f t="shared" si="572"/>
        <v>http://www.sap.com/community/tag.html?id=67837800100800007396</v>
      </c>
      <c r="F2410" s="23" t="s">
        <v>4534</v>
      </c>
      <c r="G2410"/>
      <c r="H2410"/>
      <c r="I2410"/>
      <c r="J2410"/>
    </row>
    <row r="2411" spans="1:10" x14ac:dyDescent="0.25">
      <c r="A2411" s="7"/>
      <c r="B2411"/>
      <c r="C2411" s="23" t="s">
        <v>5075</v>
      </c>
      <c r="D2411" s="23" t="s">
        <v>2241</v>
      </c>
      <c r="E2411" s="1" t="str">
        <f t="shared" si="572"/>
        <v>http://www.sap.com/community/tag.html?id=73554900100800000545</v>
      </c>
      <c r="F2411" s="23" t="s">
        <v>5125</v>
      </c>
      <c r="G2411"/>
      <c r="H2411"/>
      <c r="I2411"/>
      <c r="J2411"/>
    </row>
    <row r="2412" spans="1:10" x14ac:dyDescent="0.25">
      <c r="A2412" s="7"/>
      <c r="B2412"/>
      <c r="C2412" s="23" t="s">
        <v>1148</v>
      </c>
      <c r="D2412" s="23" t="s">
        <v>2241</v>
      </c>
      <c r="E2412" s="1" t="str">
        <f t="shared" si="572"/>
        <v>http://www.sap.com/community/tag.html?id=67838200100800006299</v>
      </c>
      <c r="F2412" s="23" t="s">
        <v>4535</v>
      </c>
      <c r="G2412"/>
      <c r="H2412"/>
      <c r="I2412"/>
      <c r="J2412"/>
    </row>
    <row r="2413" spans="1:10" x14ac:dyDescent="0.25">
      <c r="A2413" s="7"/>
      <c r="B2413"/>
      <c r="C2413" s="23" t="s">
        <v>1833</v>
      </c>
      <c r="D2413" s="23" t="s">
        <v>2241</v>
      </c>
      <c r="E2413" s="1" t="str">
        <f t="shared" si="572"/>
        <v>http://www.sap.com/community/tag.html?id=67838200100800006947</v>
      </c>
      <c r="F2413" s="23" t="s">
        <v>4536</v>
      </c>
      <c r="G2413"/>
      <c r="H2413"/>
      <c r="I2413"/>
      <c r="J2413"/>
    </row>
    <row r="2414" spans="1:10" x14ac:dyDescent="0.25">
      <c r="A2414" s="7"/>
      <c r="B2414"/>
      <c r="C2414" s="23" t="s">
        <v>1527</v>
      </c>
      <c r="D2414" s="23" t="s">
        <v>2241</v>
      </c>
      <c r="E2414" s="1" t="str">
        <f t="shared" si="572"/>
        <v>http://www.sap.com/community/tag.html?id=67837800100800007377</v>
      </c>
      <c r="F2414" s="23" t="s">
        <v>4537</v>
      </c>
      <c r="G2414"/>
      <c r="H2414"/>
      <c r="I2414"/>
      <c r="J2414"/>
    </row>
    <row r="2415" spans="1:10" x14ac:dyDescent="0.25">
      <c r="A2415" s="7"/>
      <c r="B2415"/>
      <c r="C2415" s="23" t="s">
        <v>300</v>
      </c>
      <c r="D2415" s="23" t="s">
        <v>2241</v>
      </c>
      <c r="E2415" s="1" t="str">
        <f t="shared" si="572"/>
        <v>http://www.sap.com/community/tag.html?id=67837800100800007356</v>
      </c>
      <c r="F2415" s="23" t="s">
        <v>4538</v>
      </c>
      <c r="G2415"/>
      <c r="H2415"/>
      <c r="I2415"/>
      <c r="J2415"/>
    </row>
    <row r="2416" spans="1:10" x14ac:dyDescent="0.25">
      <c r="A2416" s="7"/>
      <c r="B2416"/>
      <c r="C2416" s="23" t="s">
        <v>2152</v>
      </c>
      <c r="D2416" s="23" t="s">
        <v>2241</v>
      </c>
      <c r="E2416" s="1" t="str">
        <f t="shared" si="572"/>
        <v>http://www.sap.com/community/tag.html?id=67838200100800006297</v>
      </c>
      <c r="F2416" s="23" t="s">
        <v>4539</v>
      </c>
      <c r="G2416"/>
      <c r="H2416"/>
      <c r="I2416"/>
      <c r="J2416"/>
    </row>
    <row r="2417" spans="1:10" x14ac:dyDescent="0.25">
      <c r="A2417" s="7"/>
      <c r="B2417"/>
      <c r="C2417" s="23" t="s">
        <v>559</v>
      </c>
      <c r="D2417" s="23" t="s">
        <v>2241</v>
      </c>
      <c r="E2417" s="1" t="str">
        <f t="shared" si="572"/>
        <v>http://www.sap.com/community/tag.html?id=73555000100800000089</v>
      </c>
      <c r="F2417" s="23" t="s">
        <v>4540</v>
      </c>
      <c r="G2417"/>
      <c r="H2417"/>
      <c r="I2417"/>
      <c r="J2417"/>
    </row>
    <row r="2418" spans="1:10" x14ac:dyDescent="0.25">
      <c r="A2418" s="7"/>
      <c r="B2418"/>
      <c r="C2418" s="23" t="s">
        <v>567</v>
      </c>
      <c r="D2418" s="23" t="s">
        <v>2241</v>
      </c>
      <c r="E2418" s="1" t="str">
        <f t="shared" si="572"/>
        <v>http://www.sap.com/community/tag.html?id=67838200100800006867</v>
      </c>
      <c r="F2418" s="23" t="s">
        <v>4541</v>
      </c>
      <c r="G2418"/>
      <c r="H2418"/>
      <c r="I2418"/>
      <c r="J2418"/>
    </row>
    <row r="2419" spans="1:10" x14ac:dyDescent="0.25">
      <c r="A2419" s="7"/>
      <c r="B2419"/>
      <c r="C2419" s="23" t="s">
        <v>48</v>
      </c>
      <c r="D2419" s="23" t="s">
        <v>2241</v>
      </c>
      <c r="E2419" s="1" t="str">
        <f t="shared" si="572"/>
        <v>http://www.sap.com/community/tag.html?id=73554900100800000543</v>
      </c>
      <c r="F2419" s="23" t="s">
        <v>4542</v>
      </c>
      <c r="G2419"/>
      <c r="H2419"/>
      <c r="I2419"/>
      <c r="J2419"/>
    </row>
    <row r="2420" spans="1:10" x14ac:dyDescent="0.25">
      <c r="A2420" s="7"/>
      <c r="B2420"/>
      <c r="C2420" s="23" t="s">
        <v>894</v>
      </c>
      <c r="D2420" s="23" t="s">
        <v>2241</v>
      </c>
      <c r="E2420" s="1" t="str">
        <f t="shared" si="572"/>
        <v>http://www.sap.com/community/tag.html?id=73554900100800000151</v>
      </c>
      <c r="F2420" s="23" t="s">
        <v>4543</v>
      </c>
      <c r="G2420"/>
      <c r="H2420"/>
      <c r="I2420"/>
      <c r="J2420"/>
    </row>
    <row r="2421" spans="1:10" x14ac:dyDescent="0.25">
      <c r="A2421" s="7"/>
      <c r="B2421"/>
      <c r="C2421" s="23" t="s">
        <v>770</v>
      </c>
      <c r="D2421" s="23" t="s">
        <v>2241</v>
      </c>
      <c r="E2421" s="1" t="str">
        <f t="shared" si="572"/>
        <v>http://www.sap.com/community/tag.html?id=67838200100800006336</v>
      </c>
      <c r="F2421" s="23" t="s">
        <v>4544</v>
      </c>
      <c r="G2421"/>
      <c r="H2421"/>
      <c r="I2421"/>
      <c r="J2421"/>
    </row>
    <row r="2422" spans="1:10" x14ac:dyDescent="0.25">
      <c r="A2422" s="7"/>
      <c r="B2422"/>
      <c r="C2422" s="23" t="s">
        <v>13</v>
      </c>
      <c r="D2422" s="23" t="s">
        <v>2241</v>
      </c>
      <c r="E2422" s="1" t="str">
        <f t="shared" si="572"/>
        <v>http://www.sap.com/community/tag.html?id=67838200100800006358</v>
      </c>
      <c r="F2422" s="23" t="s">
        <v>4545</v>
      </c>
      <c r="G2422"/>
      <c r="H2422"/>
      <c r="I2422"/>
      <c r="J2422"/>
    </row>
    <row r="2423" spans="1:10" x14ac:dyDescent="0.25">
      <c r="A2423" s="7"/>
      <c r="B2423"/>
      <c r="C2423" s="23" t="s">
        <v>337</v>
      </c>
      <c r="D2423" s="23" t="s">
        <v>2241</v>
      </c>
      <c r="E2423" s="1" t="str">
        <f t="shared" si="572"/>
        <v>http://www.sap.com/community/tag.html?id=67838200100800006357</v>
      </c>
      <c r="F2423" s="23" t="s">
        <v>4546</v>
      </c>
      <c r="G2423"/>
      <c r="H2423"/>
      <c r="I2423"/>
      <c r="J2423"/>
    </row>
    <row r="2424" spans="1:10" x14ac:dyDescent="0.25">
      <c r="A2424" s="7"/>
      <c r="B2424"/>
      <c r="C2424" s="23" t="s">
        <v>1479</v>
      </c>
      <c r="D2424" s="23" t="s">
        <v>2241</v>
      </c>
      <c r="E2424" s="1" t="str">
        <f t="shared" si="572"/>
        <v>http://www.sap.com/community/tag.html?id=67838200100800006604</v>
      </c>
      <c r="F2424" s="23" t="s">
        <v>4547</v>
      </c>
      <c r="G2424"/>
      <c r="H2424"/>
      <c r="I2424"/>
      <c r="J2424"/>
    </row>
    <row r="2425" spans="1:10" x14ac:dyDescent="0.25">
      <c r="A2425" s="7"/>
      <c r="B2425"/>
      <c r="C2425" s="23" t="s">
        <v>487</v>
      </c>
      <c r="D2425" s="23" t="s">
        <v>2241</v>
      </c>
      <c r="E2425" s="1" t="str">
        <f t="shared" si="572"/>
        <v>http://www.sap.com/community/tag.html?id=67838200100800006648</v>
      </c>
      <c r="F2425" s="23" t="s">
        <v>4548</v>
      </c>
      <c r="G2425"/>
      <c r="H2425"/>
      <c r="I2425"/>
      <c r="J2425"/>
    </row>
    <row r="2426" spans="1:10" x14ac:dyDescent="0.25">
      <c r="A2426" s="7"/>
      <c r="B2426"/>
      <c r="C2426" s="23" t="s">
        <v>2110</v>
      </c>
      <c r="D2426" s="23" t="s">
        <v>2241</v>
      </c>
      <c r="E2426" s="1" t="str">
        <f t="shared" si="572"/>
        <v>http://www.sap.com/community/tag.html?id=67838200100800006599</v>
      </c>
      <c r="F2426" s="23" t="s">
        <v>4549</v>
      </c>
      <c r="G2426"/>
      <c r="H2426"/>
      <c r="I2426"/>
      <c r="J2426"/>
    </row>
    <row r="2427" spans="1:10" x14ac:dyDescent="0.25">
      <c r="A2427" s="7"/>
      <c r="B2427"/>
      <c r="C2427" s="23" t="s">
        <v>1773</v>
      </c>
      <c r="D2427" s="23" t="s">
        <v>2241</v>
      </c>
      <c r="E2427" s="1" t="str">
        <f t="shared" si="572"/>
        <v>http://www.sap.com/community/tag.html?id=67838200100800006538</v>
      </c>
      <c r="F2427" s="23" t="s">
        <v>4550</v>
      </c>
      <c r="G2427"/>
      <c r="H2427"/>
      <c r="I2427"/>
      <c r="J2427"/>
    </row>
    <row r="2428" spans="1:10" x14ac:dyDescent="0.25">
      <c r="A2428" s="7"/>
      <c r="B2428" s="23"/>
      <c r="C2428" t="s">
        <v>245</v>
      </c>
      <c r="D2428" s="23" t="s">
        <v>2241</v>
      </c>
      <c r="E2428" s="1" t="str">
        <f t="shared" si="572"/>
        <v>http://www.sap.com/community/tag.html?id=67838200100800006338</v>
      </c>
      <c r="F2428" s="23" t="s">
        <v>4551</v>
      </c>
      <c r="G2428"/>
      <c r="H2428"/>
      <c r="I2428"/>
      <c r="J2428"/>
    </row>
    <row r="2429" spans="1:10" x14ac:dyDescent="0.25">
      <c r="A2429" s="7"/>
      <c r="B2429"/>
      <c r="C2429" s="23" t="s">
        <v>5076</v>
      </c>
      <c r="D2429" s="23" t="s">
        <v>2241</v>
      </c>
      <c r="E2429" s="1" t="str">
        <f t="shared" si="572"/>
        <v>http://www.sap.com/community/tag.html?id=73555000100800000229</v>
      </c>
      <c r="F2429" s="23" t="s">
        <v>5126</v>
      </c>
      <c r="G2429"/>
      <c r="H2429"/>
      <c r="I2429"/>
      <c r="J2429"/>
    </row>
    <row r="2430" spans="1:10" x14ac:dyDescent="0.25">
      <c r="A2430" s="7"/>
      <c r="B2430" s="23"/>
      <c r="C2430" t="s">
        <v>5077</v>
      </c>
      <c r="D2430" s="23" t="s">
        <v>2241</v>
      </c>
      <c r="E2430" s="1" t="str">
        <f t="shared" si="572"/>
        <v>http://www.sap.com/community/tag.html?id=73555000100800000372</v>
      </c>
      <c r="F2430" s="23" t="s">
        <v>5127</v>
      </c>
      <c r="G2430"/>
      <c r="H2430"/>
      <c r="I2430"/>
      <c r="J2430"/>
    </row>
    <row r="2431" spans="1:10" x14ac:dyDescent="0.25">
      <c r="A2431" s="7"/>
      <c r="B2431"/>
      <c r="C2431" s="23" t="s">
        <v>5078</v>
      </c>
      <c r="D2431" s="23" t="s">
        <v>2241</v>
      </c>
      <c r="E2431" s="1" t="str">
        <f t="shared" si="572"/>
        <v>http://www.sap.com/community/tag.html?id=73554900100800000613</v>
      </c>
      <c r="F2431" s="23" t="s">
        <v>5128</v>
      </c>
      <c r="G2431"/>
      <c r="H2431"/>
      <c r="I2431"/>
      <c r="J2431"/>
    </row>
    <row r="2432" spans="1:10" x14ac:dyDescent="0.25">
      <c r="A2432" s="7"/>
      <c r="B2432" s="23"/>
      <c r="C2432" t="s">
        <v>962</v>
      </c>
      <c r="D2432" s="23" t="s">
        <v>2241</v>
      </c>
      <c r="E2432" s="1" t="str">
        <f t="shared" si="572"/>
        <v>http://www.sap.com/community/tag.html?id=73555000100800000131</v>
      </c>
      <c r="F2432" s="23" t="s">
        <v>4552</v>
      </c>
      <c r="G2432"/>
      <c r="H2432"/>
      <c r="I2432"/>
      <c r="J2432"/>
    </row>
    <row r="2433" spans="1:10" x14ac:dyDescent="0.25">
      <c r="A2433" s="7"/>
      <c r="B2433"/>
      <c r="C2433" s="23" t="s">
        <v>120</v>
      </c>
      <c r="D2433" s="23" t="s">
        <v>2241</v>
      </c>
      <c r="E2433" s="1" t="str">
        <f t="shared" si="572"/>
        <v>http://www.sap.com/community/tag.html?id=67838200100800006420</v>
      </c>
      <c r="F2433" s="23" t="s">
        <v>4553</v>
      </c>
      <c r="G2433"/>
      <c r="H2433"/>
      <c r="I2433"/>
      <c r="J2433"/>
    </row>
    <row r="2434" spans="1:10" x14ac:dyDescent="0.25">
      <c r="A2434" s="7"/>
      <c r="B2434" s="23"/>
      <c r="C2434" t="s">
        <v>1711</v>
      </c>
      <c r="D2434" s="23" t="s">
        <v>2241</v>
      </c>
      <c r="E2434" s="1" t="str">
        <f t="shared" si="572"/>
        <v>http://www.sap.com/community/tag.html?id=67838200100800006427</v>
      </c>
      <c r="F2434" s="23" t="s">
        <v>4554</v>
      </c>
      <c r="G2434"/>
      <c r="H2434"/>
      <c r="I2434"/>
      <c r="J2434"/>
    </row>
    <row r="2435" spans="1:10" x14ac:dyDescent="0.25">
      <c r="A2435" s="7"/>
      <c r="B2435"/>
      <c r="C2435" s="23" t="s">
        <v>1677</v>
      </c>
      <c r="D2435" s="23" t="s">
        <v>2241</v>
      </c>
      <c r="E2435" s="1" t="str">
        <f t="shared" si="572"/>
        <v>http://www.sap.com/community/tag.html?id=73554900100800000705</v>
      </c>
      <c r="F2435" s="23" t="s">
        <v>4555</v>
      </c>
      <c r="G2435"/>
      <c r="H2435"/>
      <c r="I2435"/>
      <c r="J2435"/>
    </row>
    <row r="2436" spans="1:10" x14ac:dyDescent="0.25">
      <c r="A2436" s="7"/>
      <c r="B2436" s="23"/>
      <c r="C2436" t="s">
        <v>2061</v>
      </c>
      <c r="D2436" s="23" t="s">
        <v>2241</v>
      </c>
      <c r="E2436" s="1" t="str">
        <f t="shared" si="572"/>
        <v>http://www.sap.com/community/tag.html?id=73555000100800000012</v>
      </c>
      <c r="F2436" s="23" t="s">
        <v>4556</v>
      </c>
      <c r="G2436"/>
      <c r="H2436"/>
      <c r="I2436"/>
      <c r="J2436"/>
    </row>
    <row r="2437" spans="1:10" x14ac:dyDescent="0.25">
      <c r="A2437" s="7"/>
      <c r="B2437"/>
      <c r="C2437" s="23" t="s">
        <v>1584</v>
      </c>
      <c r="D2437" s="23" t="s">
        <v>2241</v>
      </c>
      <c r="E2437" s="1" t="str">
        <f t="shared" si="572"/>
        <v>http://www.sap.com/community/tag.html?id=67838200100800006407</v>
      </c>
      <c r="F2437" s="23" t="s">
        <v>4557</v>
      </c>
      <c r="G2437"/>
      <c r="H2437"/>
      <c r="I2437"/>
      <c r="J2437"/>
    </row>
    <row r="2438" spans="1:10" x14ac:dyDescent="0.25">
      <c r="A2438" s="7"/>
      <c r="B2438" s="23"/>
      <c r="C2438" t="s">
        <v>2230</v>
      </c>
      <c r="D2438" s="23" t="s">
        <v>2241</v>
      </c>
      <c r="E2438" s="1" t="str">
        <f t="shared" si="572"/>
        <v>http://www.sap.com/community/tag.html?id=67838200100800006307</v>
      </c>
      <c r="F2438" s="23" t="s">
        <v>4558</v>
      </c>
      <c r="G2438"/>
      <c r="H2438"/>
      <c r="I2438"/>
      <c r="J2438"/>
    </row>
    <row r="2439" spans="1:10" x14ac:dyDescent="0.25">
      <c r="A2439" s="7"/>
      <c r="B2439"/>
      <c r="C2439" s="23" t="s">
        <v>1228</v>
      </c>
      <c r="D2439" s="23" t="s">
        <v>2241</v>
      </c>
      <c r="E2439" s="1" t="str">
        <f t="shared" si="572"/>
        <v>http://www.sap.com/community/tag.html?id=67838200100800006899</v>
      </c>
      <c r="F2439" s="23" t="s">
        <v>4559</v>
      </c>
      <c r="G2439"/>
      <c r="H2439"/>
      <c r="I2439"/>
      <c r="J2439"/>
    </row>
    <row r="2440" spans="1:10" x14ac:dyDescent="0.25">
      <c r="A2440" s="7"/>
      <c r="B2440"/>
      <c r="C2440" s="23" t="s">
        <v>1439</v>
      </c>
      <c r="D2440" s="23" t="s">
        <v>2241</v>
      </c>
      <c r="E2440" s="1" t="str">
        <f t="shared" si="572"/>
        <v>http://www.sap.com/community/tag.html?id=73555000100800000163</v>
      </c>
      <c r="F2440" s="23" t="s">
        <v>4560</v>
      </c>
      <c r="G2440"/>
      <c r="H2440"/>
      <c r="I2440"/>
      <c r="J2440"/>
    </row>
    <row r="2441" spans="1:10" x14ac:dyDescent="0.25">
      <c r="A2441" s="7"/>
      <c r="B2441"/>
      <c r="C2441" s="23" t="s">
        <v>1005</v>
      </c>
      <c r="D2441" s="23" t="s">
        <v>2241</v>
      </c>
      <c r="E2441" s="1" t="str">
        <f t="shared" si="572"/>
        <v>http://www.sap.com/community/tag.html?id=67838200100800006468</v>
      </c>
      <c r="F2441" s="23" t="s">
        <v>4561</v>
      </c>
      <c r="G2441"/>
      <c r="H2441"/>
      <c r="I2441"/>
      <c r="J2441"/>
    </row>
    <row r="2442" spans="1:10" x14ac:dyDescent="0.25">
      <c r="A2442" s="7"/>
      <c r="B2442"/>
      <c r="C2442" s="23" t="s">
        <v>709</v>
      </c>
      <c r="D2442" s="23" t="s">
        <v>2241</v>
      </c>
      <c r="E2442" s="1" t="str">
        <f t="shared" ref="E2442:E2448" si="573" xml:space="preserve"> HYPERLINK(CONCATENATE("http://www.sap.com/community/tag.html?id=",$F2442))</f>
        <v>http://www.sap.com/community/tag.html?id=67838200100800006467</v>
      </c>
      <c r="F2442" s="23" t="s">
        <v>4562</v>
      </c>
      <c r="G2442"/>
      <c r="H2442"/>
      <c r="I2442"/>
      <c r="J2442"/>
    </row>
    <row r="2443" spans="1:10" x14ac:dyDescent="0.25">
      <c r="A2443" s="7"/>
      <c r="B2443"/>
      <c r="C2443" s="23" t="s">
        <v>1217</v>
      </c>
      <c r="D2443" s="23" t="s">
        <v>2241</v>
      </c>
      <c r="E2443" s="1" t="str">
        <f t="shared" si="573"/>
        <v>http://www.sap.com/community/tag.html?id=67838200100800006447</v>
      </c>
      <c r="F2443" s="23" t="s">
        <v>4563</v>
      </c>
      <c r="G2443"/>
      <c r="H2443"/>
      <c r="I2443"/>
      <c r="J2443"/>
    </row>
    <row r="2444" spans="1:10" x14ac:dyDescent="0.25">
      <c r="A2444" s="7"/>
      <c r="B2444"/>
      <c r="C2444" s="23" t="s">
        <v>28</v>
      </c>
      <c r="D2444" s="23" t="s">
        <v>2241</v>
      </c>
      <c r="E2444" s="1" t="str">
        <f t="shared" si="573"/>
        <v>http://www.sap.com/community/tag.html?id=67838200100800006437</v>
      </c>
      <c r="F2444" s="23" t="s">
        <v>4564</v>
      </c>
      <c r="G2444"/>
      <c r="H2444"/>
      <c r="I2444"/>
      <c r="J2444"/>
    </row>
    <row r="2445" spans="1:10" x14ac:dyDescent="0.25">
      <c r="A2445" s="7"/>
      <c r="B2445"/>
      <c r="C2445" s="23" t="s">
        <v>1625</v>
      </c>
      <c r="D2445" s="23" t="s">
        <v>2241</v>
      </c>
      <c r="E2445" s="1" t="str">
        <f t="shared" si="573"/>
        <v>http://www.sap.com/community/tag.html?id=67838200100800006247</v>
      </c>
      <c r="F2445" s="23" t="s">
        <v>4567</v>
      </c>
      <c r="G2445"/>
      <c r="H2445"/>
      <c r="I2445"/>
      <c r="J2445"/>
    </row>
    <row r="2446" spans="1:10" x14ac:dyDescent="0.25">
      <c r="A2446" s="7"/>
      <c r="B2446"/>
      <c r="C2446" s="23" t="s">
        <v>2091</v>
      </c>
      <c r="D2446" s="23" t="s">
        <v>2241</v>
      </c>
      <c r="E2446" s="1" t="str">
        <f t="shared" si="573"/>
        <v>http://www.sap.com/community/tag.html?id=67838200100800006129</v>
      </c>
      <c r="F2446" s="23" t="s">
        <v>4568</v>
      </c>
      <c r="G2446"/>
      <c r="H2446"/>
      <c r="I2446"/>
      <c r="J2446"/>
    </row>
    <row r="2447" spans="1:10" x14ac:dyDescent="0.25">
      <c r="A2447" s="7"/>
      <c r="B2447"/>
      <c r="C2447" s="23" t="s">
        <v>2150</v>
      </c>
      <c r="D2447" s="23" t="s">
        <v>2241</v>
      </c>
      <c r="E2447" s="1" t="str">
        <f t="shared" si="573"/>
        <v>http://www.sap.com/community/tag.html?id=67838200100800006130</v>
      </c>
      <c r="F2447" s="23" t="s">
        <v>4569</v>
      </c>
      <c r="G2447"/>
      <c r="H2447"/>
      <c r="I2447"/>
      <c r="J2447"/>
    </row>
    <row r="2448" spans="1:10" x14ac:dyDescent="0.25">
      <c r="A2448" s="7"/>
      <c r="B2448"/>
      <c r="C2448" s="23" t="s">
        <v>737</v>
      </c>
      <c r="D2448" s="23" t="s">
        <v>2241</v>
      </c>
      <c r="E2448" s="1" t="str">
        <f t="shared" si="573"/>
        <v>http://www.sap.com/community/tag.html?id=67838200100800006230</v>
      </c>
      <c r="F2448" s="23" t="s">
        <v>4570</v>
      </c>
      <c r="G2448"/>
      <c r="H2448"/>
      <c r="I2448"/>
      <c r="J2448"/>
    </row>
    <row r="2449" spans="1:10" x14ac:dyDescent="0.25">
      <c r="A2449" s="7"/>
      <c r="B2449" t="s">
        <v>1152</v>
      </c>
      <c r="C2449" s="23"/>
      <c r="D2449" s="7" t="s">
        <v>5032</v>
      </c>
      <c r="E2449" s="1"/>
      <c r="F2449" s="23" t="s">
        <v>4571</v>
      </c>
      <c r="G2449"/>
      <c r="H2449"/>
      <c r="I2449"/>
      <c r="J2449"/>
    </row>
    <row r="2450" spans="1:10" x14ac:dyDescent="0.25">
      <c r="A2450" s="7"/>
      <c r="B2450"/>
      <c r="C2450" s="23" t="s">
        <v>1152</v>
      </c>
      <c r="D2450" s="23" t="s">
        <v>2241</v>
      </c>
      <c r="E2450" s="1" t="str">
        <f t="shared" ref="E2450" si="574" xml:space="preserve"> HYPERLINK(CONCATENATE("http://www.sap.com/community/tag.html?id=",$F2450))</f>
        <v>http://www.sap.com/community/tag.html?id=01200615320800000573</v>
      </c>
      <c r="F2450" s="23" t="s">
        <v>4572</v>
      </c>
      <c r="G2450"/>
      <c r="H2450"/>
      <c r="I2450"/>
      <c r="J2450"/>
    </row>
    <row r="2451" spans="1:10" x14ac:dyDescent="0.25">
      <c r="A2451" s="7"/>
      <c r="B2451" t="s">
        <v>1399</v>
      </c>
      <c r="C2451" s="23"/>
      <c r="D2451" s="7" t="s">
        <v>5032</v>
      </c>
      <c r="E2451" s="1"/>
      <c r="F2451" s="23" t="s">
        <v>4573</v>
      </c>
      <c r="G2451"/>
      <c r="H2451"/>
      <c r="I2451"/>
      <c r="J2451"/>
    </row>
    <row r="2452" spans="1:10" x14ac:dyDescent="0.25">
      <c r="A2452" s="7"/>
      <c r="B2452"/>
      <c r="C2452" s="23" t="s">
        <v>1399</v>
      </c>
      <c r="D2452" s="23" t="s">
        <v>2241</v>
      </c>
      <c r="E2452" s="1" t="str">
        <f t="shared" ref="E2452" si="575" xml:space="preserve"> HYPERLINK(CONCATENATE("http://www.sap.com/community/tag.html?id=",$F2452))</f>
        <v>http://www.sap.com/community/tag.html?id=73555000100800000066</v>
      </c>
      <c r="F2452" s="23" t="s">
        <v>4574</v>
      </c>
      <c r="G2452"/>
      <c r="H2452"/>
      <c r="I2452"/>
      <c r="J2452"/>
    </row>
    <row r="2453" spans="1:10" x14ac:dyDescent="0.25">
      <c r="A2453" s="7"/>
      <c r="B2453" t="s">
        <v>773</v>
      </c>
      <c r="C2453" s="23"/>
      <c r="D2453" s="7" t="s">
        <v>5032</v>
      </c>
      <c r="E2453" s="1"/>
      <c r="F2453" s="23" t="s">
        <v>4575</v>
      </c>
      <c r="G2453"/>
      <c r="H2453"/>
      <c r="I2453"/>
      <c r="J2453"/>
    </row>
    <row r="2454" spans="1:10" x14ac:dyDescent="0.25">
      <c r="A2454" s="7"/>
      <c r="B2454"/>
      <c r="C2454" s="23" t="s">
        <v>773</v>
      </c>
      <c r="D2454" s="23" t="s">
        <v>2241</v>
      </c>
      <c r="E2454" s="1" t="str">
        <f t="shared" ref="E2454" si="576" xml:space="preserve"> HYPERLINK(CONCATENATE("http://www.sap.com/community/tag.html?id=",$F2454))</f>
        <v>http://www.sap.com/community/tag.html?id=67837800100800007391</v>
      </c>
      <c r="F2454" s="23" t="s">
        <v>4576</v>
      </c>
      <c r="G2454"/>
      <c r="H2454"/>
      <c r="I2454"/>
      <c r="J2454"/>
    </row>
    <row r="2455" spans="1:10" x14ac:dyDescent="0.25">
      <c r="A2455" s="7"/>
      <c r="B2455" t="s">
        <v>520</v>
      </c>
      <c r="C2455" s="23"/>
      <c r="D2455" s="7" t="s">
        <v>5032</v>
      </c>
      <c r="E2455" s="1"/>
      <c r="F2455" s="23" t="s">
        <v>5367</v>
      </c>
      <c r="G2455"/>
      <c r="H2455"/>
      <c r="I2455"/>
      <c r="J2455"/>
    </row>
    <row r="2456" spans="1:10" x14ac:dyDescent="0.25">
      <c r="A2456" s="7"/>
      <c r="B2456"/>
      <c r="C2456" s="23" t="s">
        <v>5403</v>
      </c>
      <c r="D2456" s="23" t="s">
        <v>2241</v>
      </c>
      <c r="E2456" s="1" t="str">
        <f t="shared" ref="E2456" si="577" xml:space="preserve"> HYPERLINK(CONCATENATE("http://www.sap.com/community/tag.html?id=",$F2456))</f>
        <v>http://www.sap.com/community/tag.html?id=73555000100800000683</v>
      </c>
      <c r="F2456" s="23" t="s">
        <v>5368</v>
      </c>
      <c r="G2456"/>
      <c r="H2456"/>
      <c r="I2456"/>
      <c r="J2456"/>
    </row>
    <row r="2457" spans="1:10" x14ac:dyDescent="0.25">
      <c r="A2457" s="7"/>
      <c r="B2457" t="s">
        <v>1803</v>
      </c>
      <c r="C2457" s="23"/>
      <c r="D2457" s="7" t="s">
        <v>5032</v>
      </c>
      <c r="E2457" s="1"/>
      <c r="F2457" s="23" t="s">
        <v>4577</v>
      </c>
      <c r="G2457"/>
      <c r="H2457"/>
      <c r="I2457"/>
      <c r="J2457"/>
    </row>
    <row r="2458" spans="1:10" x14ac:dyDescent="0.25">
      <c r="A2458" s="7"/>
      <c r="B2458"/>
      <c r="C2458" s="23" t="s">
        <v>1803</v>
      </c>
      <c r="D2458" s="23" t="s">
        <v>2241</v>
      </c>
      <c r="E2458" s="1" t="str">
        <f t="shared" ref="E2458:E2459" si="578" xml:space="preserve"> HYPERLINK(CONCATENATE("http://www.sap.com/community/tag.html?id=",$F2458))</f>
        <v>http://www.sap.com/community/tag.html?id=73554900100800000358</v>
      </c>
      <c r="F2458" s="23" t="s">
        <v>4578</v>
      </c>
      <c r="G2458"/>
      <c r="H2458"/>
      <c r="I2458"/>
      <c r="J2458"/>
    </row>
    <row r="2459" spans="1:10" x14ac:dyDescent="0.25">
      <c r="A2459" s="7"/>
      <c r="B2459" t="s">
        <v>990</v>
      </c>
      <c r="C2459" s="23"/>
      <c r="D2459" s="7" t="s">
        <v>2241</v>
      </c>
      <c r="E2459" s="1" t="str">
        <f t="shared" si="578"/>
        <v>http://www.sap.com/community/tag.html?id=73554900100700000996</v>
      </c>
      <c r="F2459" s="23" t="s">
        <v>4579</v>
      </c>
      <c r="G2459"/>
      <c r="H2459"/>
      <c r="I2459"/>
      <c r="J2459"/>
    </row>
    <row r="2460" spans="1:10" x14ac:dyDescent="0.25">
      <c r="A2460" s="7"/>
      <c r="B2460" s="23"/>
      <c r="C2460" t="s">
        <v>131</v>
      </c>
      <c r="D2460" s="23" t="s">
        <v>2241</v>
      </c>
      <c r="E2460" s="1" t="str">
        <f t="shared" ref="E2460:E2479" si="579" xml:space="preserve"> HYPERLINK(CONCATENATE("http://www.sap.com/community/tag.html?id=",$F2460))</f>
        <v>http://www.sap.com/community/tag.html?id=67838200100800006927</v>
      </c>
      <c r="F2460" s="23" t="s">
        <v>4580</v>
      </c>
      <c r="G2460"/>
      <c r="H2460"/>
      <c r="I2460"/>
      <c r="J2460"/>
    </row>
    <row r="2461" spans="1:10" x14ac:dyDescent="0.25">
      <c r="A2461" s="7"/>
      <c r="B2461"/>
      <c r="C2461" s="23" t="s">
        <v>1042</v>
      </c>
      <c r="D2461" s="23" t="s">
        <v>2241</v>
      </c>
      <c r="E2461" s="1" t="str">
        <f t="shared" si="579"/>
        <v>http://www.sap.com/community/tag.html?id=73555000100800000256</v>
      </c>
      <c r="F2461" s="23" t="s">
        <v>4582</v>
      </c>
      <c r="G2461"/>
      <c r="H2461"/>
      <c r="I2461"/>
      <c r="J2461"/>
    </row>
    <row r="2462" spans="1:10" x14ac:dyDescent="0.25">
      <c r="A2462" s="7"/>
      <c r="B2462"/>
      <c r="C2462" s="23" t="s">
        <v>1380</v>
      </c>
      <c r="D2462" s="23" t="s">
        <v>2241</v>
      </c>
      <c r="E2462" s="1" t="str">
        <f t="shared" si="579"/>
        <v>http://www.sap.com/community/tag.html?id=73555000100800000062</v>
      </c>
      <c r="F2462" s="23" t="s">
        <v>4583</v>
      </c>
      <c r="G2462"/>
      <c r="H2462"/>
      <c r="I2462"/>
      <c r="J2462"/>
    </row>
    <row r="2463" spans="1:10" x14ac:dyDescent="0.25">
      <c r="A2463" s="7"/>
      <c r="B2463"/>
      <c r="C2463" s="23" t="s">
        <v>1623</v>
      </c>
      <c r="D2463" s="23" t="s">
        <v>2241</v>
      </c>
      <c r="E2463" s="1" t="str">
        <f t="shared" si="579"/>
        <v>http://www.sap.com/community/tag.html?id=73555000100800000041</v>
      </c>
      <c r="F2463" s="23" t="s">
        <v>4584</v>
      </c>
      <c r="G2463"/>
      <c r="H2463"/>
      <c r="I2463"/>
      <c r="J2463"/>
    </row>
    <row r="2464" spans="1:10" x14ac:dyDescent="0.25">
      <c r="A2464" s="7"/>
      <c r="B2464"/>
      <c r="C2464" s="23" t="s">
        <v>1512</v>
      </c>
      <c r="D2464" s="23" t="s">
        <v>2241</v>
      </c>
      <c r="E2464" s="1" t="str">
        <f t="shared" si="579"/>
        <v>http://www.sap.com/community/tag.html?id=73554900100800000063</v>
      </c>
      <c r="F2464" s="23" t="s">
        <v>4585</v>
      </c>
      <c r="G2464"/>
      <c r="H2464"/>
      <c r="I2464"/>
      <c r="J2464"/>
    </row>
    <row r="2465" spans="1:10" x14ac:dyDescent="0.25">
      <c r="A2465" s="7"/>
      <c r="B2465"/>
      <c r="C2465" s="23" t="s">
        <v>5405</v>
      </c>
      <c r="D2465" s="23" t="s">
        <v>2241</v>
      </c>
      <c r="E2465" s="1" t="str">
        <f t="shared" si="579"/>
        <v>http://www.sap.com/community/tag.html?id=73555000100800000105</v>
      </c>
      <c r="F2465" s="23" t="s">
        <v>4592</v>
      </c>
      <c r="G2465"/>
      <c r="H2465"/>
      <c r="I2465"/>
      <c r="J2465"/>
    </row>
    <row r="2466" spans="1:10" x14ac:dyDescent="0.25">
      <c r="A2466" s="7"/>
      <c r="B2466"/>
      <c r="C2466" s="23" t="s">
        <v>1882</v>
      </c>
      <c r="D2466" s="23" t="s">
        <v>2241</v>
      </c>
      <c r="E2466" s="1" t="str">
        <f t="shared" si="579"/>
        <v>http://www.sap.com/community/tag.html?id=67838200100800006287</v>
      </c>
      <c r="F2466" s="23" t="s">
        <v>4586</v>
      </c>
      <c r="G2466"/>
      <c r="H2466"/>
      <c r="I2466"/>
      <c r="J2466"/>
    </row>
    <row r="2467" spans="1:10" x14ac:dyDescent="0.25">
      <c r="A2467" s="7"/>
      <c r="B2467"/>
      <c r="C2467" s="23" t="s">
        <v>1041</v>
      </c>
      <c r="D2467" s="23" t="s">
        <v>2241</v>
      </c>
      <c r="E2467" s="1" t="str">
        <f t="shared" si="579"/>
        <v>http://www.sap.com/community/tag.html?id=67837800100800005832</v>
      </c>
      <c r="F2467" s="23" t="s">
        <v>4587</v>
      </c>
      <c r="G2467"/>
      <c r="H2467"/>
      <c r="I2467"/>
      <c r="J2467"/>
    </row>
    <row r="2468" spans="1:10" x14ac:dyDescent="0.25">
      <c r="A2468" s="7"/>
      <c r="B2468"/>
      <c r="C2468" s="23" t="s">
        <v>5460</v>
      </c>
      <c r="D2468" s="23" t="s">
        <v>2241</v>
      </c>
      <c r="E2468" s="1" t="str">
        <f t="shared" si="579"/>
        <v>http://www.sap.com/community/tag.html?id=73555000100800000217</v>
      </c>
      <c r="F2468" s="23" t="s">
        <v>4588</v>
      </c>
      <c r="G2468"/>
      <c r="H2468"/>
      <c r="I2468"/>
      <c r="J2468"/>
    </row>
    <row r="2469" spans="1:10" x14ac:dyDescent="0.25">
      <c r="A2469" s="7"/>
      <c r="B2469"/>
      <c r="C2469" s="23" t="s">
        <v>575</v>
      </c>
      <c r="D2469" s="23" t="s">
        <v>2241</v>
      </c>
      <c r="E2469" s="1" t="str">
        <f t="shared" si="579"/>
        <v>http://www.sap.com/community/tag.html?id=73554900100800000272</v>
      </c>
      <c r="F2469" s="23" t="s">
        <v>4589</v>
      </c>
      <c r="G2469"/>
      <c r="H2469"/>
      <c r="I2469"/>
      <c r="J2469"/>
    </row>
    <row r="2470" spans="1:10" x14ac:dyDescent="0.25">
      <c r="A2470" s="7"/>
      <c r="B2470"/>
      <c r="C2470" s="23" t="s">
        <v>1456</v>
      </c>
      <c r="D2470" s="23" t="s">
        <v>2241</v>
      </c>
      <c r="E2470" s="1" t="str">
        <f t="shared" si="579"/>
        <v>http://www.sap.com/community/tag.html?id=67838200100800006753</v>
      </c>
      <c r="F2470" s="23" t="s">
        <v>4590</v>
      </c>
      <c r="G2470"/>
      <c r="H2470"/>
      <c r="I2470"/>
      <c r="J2470"/>
    </row>
    <row r="2471" spans="1:10" x14ac:dyDescent="0.25">
      <c r="A2471" s="7"/>
      <c r="B2471"/>
      <c r="C2471" s="23" t="s">
        <v>2017</v>
      </c>
      <c r="D2471" s="23" t="s">
        <v>2241</v>
      </c>
      <c r="E2471" s="1" t="str">
        <f t="shared" si="579"/>
        <v>http://www.sap.com/community/tag.html?id=73554900100800000033</v>
      </c>
      <c r="F2471" s="23" t="s">
        <v>4591</v>
      </c>
      <c r="G2471"/>
      <c r="H2471"/>
      <c r="I2471"/>
      <c r="J2471"/>
    </row>
    <row r="2472" spans="1:10" x14ac:dyDescent="0.25">
      <c r="A2472" s="7"/>
      <c r="B2472"/>
      <c r="C2472" s="23" t="s">
        <v>536</v>
      </c>
      <c r="D2472" s="23" t="s">
        <v>2241</v>
      </c>
      <c r="E2472" s="1" t="str">
        <f t="shared" si="579"/>
        <v>http://www.sap.com/community/tag.html?id=73554900100800000098</v>
      </c>
      <c r="F2472" s="23" t="s">
        <v>4593</v>
      </c>
      <c r="G2472"/>
      <c r="H2472"/>
      <c r="I2472"/>
      <c r="J2472"/>
    </row>
    <row r="2473" spans="1:10" x14ac:dyDescent="0.25">
      <c r="A2473" s="7"/>
      <c r="B2473"/>
      <c r="C2473" s="23" t="s">
        <v>1642</v>
      </c>
      <c r="D2473" s="23" t="s">
        <v>2241</v>
      </c>
      <c r="E2473" s="1" t="str">
        <f t="shared" si="579"/>
        <v>http://www.sap.com/community/tag.html?id=67838200100800004076</v>
      </c>
      <c r="F2473" s="23" t="s">
        <v>4594</v>
      </c>
      <c r="G2473"/>
      <c r="H2473"/>
      <c r="I2473"/>
      <c r="J2473"/>
    </row>
    <row r="2474" spans="1:10" x14ac:dyDescent="0.25">
      <c r="A2474" s="7"/>
      <c r="B2474"/>
      <c r="C2474" s="23" t="s">
        <v>220</v>
      </c>
      <c r="D2474" s="23" t="s">
        <v>2241</v>
      </c>
      <c r="E2474" s="1" t="str">
        <f t="shared" si="579"/>
        <v>http://www.sap.com/community/tag.html?id=67838200100800005677</v>
      </c>
      <c r="F2474" s="23" t="s">
        <v>4595</v>
      </c>
      <c r="G2474"/>
      <c r="H2474"/>
      <c r="I2474"/>
      <c r="J2474"/>
    </row>
    <row r="2475" spans="1:10" x14ac:dyDescent="0.25">
      <c r="A2475" s="7"/>
      <c r="B2475"/>
      <c r="C2475" s="23" t="s">
        <v>1203</v>
      </c>
      <c r="D2475" s="23" t="s">
        <v>2241</v>
      </c>
      <c r="E2475" s="1" t="str">
        <f t="shared" si="579"/>
        <v>http://www.sap.com/community/tag.html?id=01200314690800001891</v>
      </c>
      <c r="F2475" s="23" t="s">
        <v>4596</v>
      </c>
      <c r="G2475"/>
      <c r="H2475"/>
      <c r="I2475"/>
      <c r="J2475"/>
    </row>
    <row r="2476" spans="1:10" x14ac:dyDescent="0.25">
      <c r="A2476" s="7"/>
      <c r="B2476"/>
      <c r="C2476" s="23" t="s">
        <v>5406</v>
      </c>
      <c r="D2476" s="23" t="s">
        <v>2241</v>
      </c>
      <c r="E2476" s="1" t="str">
        <f t="shared" si="579"/>
        <v>http://www.sap.com/community/tag.html?id=73555000100800000651</v>
      </c>
      <c r="F2476" s="23" t="s">
        <v>5369</v>
      </c>
      <c r="G2476"/>
      <c r="H2476"/>
      <c r="I2476"/>
      <c r="J2476"/>
    </row>
    <row r="2477" spans="1:10" x14ac:dyDescent="0.25">
      <c r="A2477" s="7"/>
      <c r="B2477"/>
      <c r="C2477" s="23" t="s">
        <v>2172</v>
      </c>
      <c r="D2477" s="23" t="s">
        <v>2241</v>
      </c>
      <c r="E2477" s="1" t="str">
        <f t="shared" si="579"/>
        <v>http://www.sap.com/community/tag.html?id=67837800100800007289</v>
      </c>
      <c r="F2477" s="23" t="s">
        <v>4597</v>
      </c>
      <c r="G2477"/>
      <c r="H2477"/>
      <c r="I2477"/>
      <c r="J2477"/>
    </row>
    <row r="2478" spans="1:10" x14ac:dyDescent="0.25">
      <c r="A2478" s="7"/>
      <c r="B2478"/>
      <c r="C2478" s="23" t="s">
        <v>1714</v>
      </c>
      <c r="D2478" s="23" t="s">
        <v>2241</v>
      </c>
      <c r="E2478" s="1" t="str">
        <f t="shared" si="579"/>
        <v>http://www.sap.com/community/tag.html?id=01200314690800001945</v>
      </c>
      <c r="F2478" s="23" t="s">
        <v>4598</v>
      </c>
      <c r="G2478"/>
      <c r="H2478"/>
      <c r="I2478"/>
      <c r="J2478"/>
    </row>
    <row r="2479" spans="1:10" x14ac:dyDescent="0.25">
      <c r="A2479" s="7"/>
      <c r="B2479"/>
      <c r="C2479" s="23" t="s">
        <v>2166</v>
      </c>
      <c r="D2479" s="23" t="s">
        <v>2241</v>
      </c>
      <c r="E2479" s="1" t="str">
        <f t="shared" si="579"/>
        <v>http://www.sap.com/community/tag.html?id=73554900100800000114</v>
      </c>
      <c r="F2479" s="23" t="s">
        <v>4599</v>
      </c>
      <c r="G2479"/>
      <c r="H2479"/>
      <c r="I2479"/>
      <c r="J2479"/>
    </row>
    <row r="2480" spans="1:10" x14ac:dyDescent="0.25">
      <c r="A2480" s="7"/>
      <c r="B2480" t="s">
        <v>1517</v>
      </c>
      <c r="C2480" s="23"/>
      <c r="D2480" s="7" t="s">
        <v>5032</v>
      </c>
      <c r="E2480" s="1"/>
      <c r="F2480" s="23" t="s">
        <v>4610</v>
      </c>
      <c r="G2480"/>
      <c r="H2480"/>
      <c r="I2480"/>
      <c r="J2480"/>
    </row>
    <row r="2481" spans="1:10" x14ac:dyDescent="0.25">
      <c r="A2481" s="7"/>
      <c r="B2481"/>
      <c r="C2481" s="23" t="s">
        <v>257</v>
      </c>
      <c r="D2481" s="23" t="s">
        <v>2241</v>
      </c>
      <c r="E2481" s="1" t="str">
        <f t="shared" ref="E2481:E2512" si="580" xml:space="preserve"> HYPERLINK(CONCATENATE("http://www.sap.com/community/tag.html?id=",$F2481))</f>
        <v>http://www.sap.com/community/tag.html?id=67838200100800006846</v>
      </c>
      <c r="F2481" s="23" t="s">
        <v>4611</v>
      </c>
      <c r="G2481"/>
      <c r="H2481"/>
      <c r="I2481"/>
      <c r="J2481"/>
    </row>
    <row r="2482" spans="1:10" x14ac:dyDescent="0.25">
      <c r="A2482" s="7"/>
      <c r="B2482"/>
      <c r="C2482" s="23" t="s">
        <v>490</v>
      </c>
      <c r="D2482" s="23" t="s">
        <v>2241</v>
      </c>
      <c r="E2482" s="1" t="str">
        <f t="shared" si="580"/>
        <v>http://www.sap.com/community/tag.html?id=67837800100800006714</v>
      </c>
      <c r="F2482" s="23" t="s">
        <v>4612</v>
      </c>
      <c r="G2482"/>
      <c r="H2482"/>
      <c r="I2482"/>
      <c r="J2482"/>
    </row>
    <row r="2483" spans="1:10" x14ac:dyDescent="0.25">
      <c r="A2483" s="7"/>
      <c r="B2483"/>
      <c r="C2483" s="23" t="s">
        <v>467</v>
      </c>
      <c r="D2483" s="23" t="s">
        <v>2241</v>
      </c>
      <c r="E2483" s="1" t="str">
        <f t="shared" si="580"/>
        <v>http://www.sap.com/community/tag.html?id=73554900100800000314</v>
      </c>
      <c r="F2483" s="23" t="s">
        <v>4613</v>
      </c>
      <c r="G2483"/>
      <c r="H2483"/>
      <c r="I2483"/>
      <c r="J2483"/>
    </row>
    <row r="2484" spans="1:10" x14ac:dyDescent="0.25">
      <c r="A2484" s="7"/>
      <c r="B2484"/>
      <c r="C2484" s="23" t="s">
        <v>1725</v>
      </c>
      <c r="D2484" s="23" t="s">
        <v>2241</v>
      </c>
      <c r="E2484" s="1" t="str">
        <f t="shared" si="580"/>
        <v>http://www.sap.com/community/tag.html?id=67838200100800006330</v>
      </c>
      <c r="F2484" s="23" t="s">
        <v>4614</v>
      </c>
      <c r="G2484"/>
      <c r="H2484"/>
      <c r="I2484"/>
      <c r="J2484"/>
    </row>
    <row r="2485" spans="1:10" x14ac:dyDescent="0.25">
      <c r="A2485" s="7"/>
      <c r="B2485"/>
      <c r="C2485" s="23" t="s">
        <v>631</v>
      </c>
      <c r="D2485" s="23" t="s">
        <v>2241</v>
      </c>
      <c r="E2485" s="1" t="str">
        <f t="shared" si="580"/>
        <v>http://www.sap.com/community/tag.html?id=67838200100800006859</v>
      </c>
      <c r="F2485" s="23" t="s">
        <v>4615</v>
      </c>
      <c r="G2485"/>
      <c r="H2485"/>
      <c r="I2485"/>
      <c r="J2485"/>
    </row>
    <row r="2486" spans="1:10" x14ac:dyDescent="0.25">
      <c r="A2486" s="7"/>
      <c r="B2486"/>
      <c r="C2486" s="23" t="s">
        <v>578</v>
      </c>
      <c r="D2486" s="23" t="s">
        <v>2241</v>
      </c>
      <c r="E2486" s="1" t="str">
        <f t="shared" si="580"/>
        <v>http://www.sap.com/community/tag.html?id=67838200100800006628</v>
      </c>
      <c r="F2486" s="23" t="s">
        <v>4616</v>
      </c>
      <c r="G2486"/>
      <c r="H2486"/>
      <c r="I2486"/>
      <c r="J2486"/>
    </row>
    <row r="2487" spans="1:10" x14ac:dyDescent="0.25">
      <c r="A2487" s="7"/>
      <c r="B2487"/>
      <c r="C2487" s="23" t="s">
        <v>1719</v>
      </c>
      <c r="D2487" s="23" t="s">
        <v>2241</v>
      </c>
      <c r="E2487" s="1" t="str">
        <f t="shared" si="580"/>
        <v>http://www.sap.com/community/tag.html?id=67838200100800006328</v>
      </c>
      <c r="F2487" s="23" t="s">
        <v>4617</v>
      </c>
      <c r="G2487"/>
      <c r="H2487"/>
      <c r="I2487"/>
      <c r="J2487"/>
    </row>
    <row r="2488" spans="1:10" x14ac:dyDescent="0.25">
      <c r="A2488" s="7"/>
      <c r="B2488"/>
      <c r="C2488" s="23" t="s">
        <v>2012</v>
      </c>
      <c r="D2488" s="23" t="s">
        <v>2241</v>
      </c>
      <c r="E2488" s="1" t="str">
        <f t="shared" si="580"/>
        <v>http://www.sap.com/community/tag.html?id=73554900100800000003</v>
      </c>
      <c r="F2488" s="23" t="s">
        <v>4618</v>
      </c>
      <c r="G2488"/>
      <c r="H2488"/>
      <c r="I2488"/>
      <c r="J2488"/>
    </row>
    <row r="2489" spans="1:10" x14ac:dyDescent="0.25">
      <c r="A2489" s="7"/>
      <c r="B2489"/>
      <c r="C2489" s="23" t="s">
        <v>1838</v>
      </c>
      <c r="D2489" s="23" t="s">
        <v>2241</v>
      </c>
      <c r="E2489" s="1" t="str">
        <f t="shared" si="580"/>
        <v>http://www.sap.com/community/tag.html?id=67838200100800006333</v>
      </c>
      <c r="F2489" s="23" t="s">
        <v>4619</v>
      </c>
      <c r="G2489"/>
      <c r="H2489"/>
      <c r="I2489"/>
      <c r="J2489"/>
    </row>
    <row r="2490" spans="1:10" x14ac:dyDescent="0.25">
      <c r="A2490" s="7"/>
      <c r="B2490"/>
      <c r="C2490" s="23" t="s">
        <v>41</v>
      </c>
      <c r="D2490" s="23" t="s">
        <v>2241</v>
      </c>
      <c r="E2490" s="1" t="str">
        <f t="shared" si="580"/>
        <v>http://www.sap.com/community/tag.html?id=67838200100800006331</v>
      </c>
      <c r="F2490" s="23" t="s">
        <v>4620</v>
      </c>
      <c r="G2490"/>
      <c r="H2490"/>
      <c r="I2490"/>
      <c r="J2490"/>
    </row>
    <row r="2491" spans="1:10" x14ac:dyDescent="0.25">
      <c r="A2491" s="7"/>
      <c r="B2491"/>
      <c r="C2491" s="23" t="s">
        <v>759</v>
      </c>
      <c r="D2491" s="23" t="s">
        <v>2241</v>
      </c>
      <c r="E2491" s="1" t="str">
        <f t="shared" si="580"/>
        <v>http://www.sap.com/community/tag.html?id=67838200100800006144</v>
      </c>
      <c r="F2491" s="23" t="s">
        <v>4621</v>
      </c>
      <c r="G2491"/>
      <c r="H2491"/>
      <c r="I2491"/>
      <c r="J2491"/>
    </row>
    <row r="2492" spans="1:10" x14ac:dyDescent="0.25">
      <c r="A2492" s="7"/>
      <c r="B2492"/>
      <c r="C2492" s="23" t="s">
        <v>768</v>
      </c>
      <c r="D2492" s="23" t="s">
        <v>2241</v>
      </c>
      <c r="E2492" s="1" t="str">
        <f t="shared" si="580"/>
        <v>http://www.sap.com/community/tag.html?id=73554900100800000311</v>
      </c>
      <c r="F2492" s="23" t="s">
        <v>4622</v>
      </c>
      <c r="G2492"/>
      <c r="H2492"/>
      <c r="I2492"/>
      <c r="J2492"/>
    </row>
    <row r="2493" spans="1:10" x14ac:dyDescent="0.25">
      <c r="A2493" s="7"/>
      <c r="B2493" s="23"/>
      <c r="C2493" t="s">
        <v>1379</v>
      </c>
      <c r="D2493" s="23" t="s">
        <v>2241</v>
      </c>
      <c r="E2493" s="1" t="str">
        <f t="shared" si="580"/>
        <v>http://www.sap.com/community/tag.html?id=67837800100800007333</v>
      </c>
      <c r="F2493" s="23" t="s">
        <v>4623</v>
      </c>
      <c r="G2493"/>
      <c r="H2493"/>
      <c r="I2493"/>
      <c r="J2493"/>
    </row>
    <row r="2494" spans="1:10" x14ac:dyDescent="0.25">
      <c r="A2494" s="7"/>
      <c r="B2494"/>
      <c r="C2494" s="23" t="s">
        <v>925</v>
      </c>
      <c r="D2494" s="23" t="s">
        <v>2241</v>
      </c>
      <c r="E2494" s="1" t="str">
        <f t="shared" si="580"/>
        <v>http://www.sap.com/community/tag.html?id=67838200100800006857</v>
      </c>
      <c r="F2494" s="23" t="s">
        <v>4624</v>
      </c>
      <c r="G2494"/>
      <c r="H2494"/>
      <c r="I2494"/>
      <c r="J2494"/>
    </row>
    <row r="2495" spans="1:10" x14ac:dyDescent="0.25">
      <c r="A2495" s="7"/>
      <c r="B2495" s="23"/>
      <c r="C2495" t="s">
        <v>1820</v>
      </c>
      <c r="D2495" s="23" t="s">
        <v>2241</v>
      </c>
      <c r="E2495" s="1" t="str">
        <f t="shared" si="580"/>
        <v>http://www.sap.com/community/tag.html?id=67837800100800007361</v>
      </c>
      <c r="F2495" s="23" t="s">
        <v>4625</v>
      </c>
      <c r="G2495"/>
      <c r="H2495"/>
      <c r="I2495"/>
      <c r="J2495"/>
    </row>
    <row r="2496" spans="1:10" x14ac:dyDescent="0.25">
      <c r="A2496" s="7"/>
      <c r="B2496"/>
      <c r="C2496" s="23" t="s">
        <v>1386</v>
      </c>
      <c r="D2496" s="23" t="s">
        <v>2241</v>
      </c>
      <c r="E2496" s="1" t="str">
        <f t="shared" si="580"/>
        <v>http://www.sap.com/community/tag.html?id=67838200100800006680</v>
      </c>
      <c r="F2496" s="23" t="s">
        <v>4626</v>
      </c>
      <c r="G2496"/>
      <c r="H2496"/>
      <c r="I2496"/>
      <c r="J2496"/>
    </row>
    <row r="2497" spans="1:10" x14ac:dyDescent="0.25">
      <c r="A2497" s="7"/>
      <c r="B2497"/>
      <c r="C2497" s="23" t="s">
        <v>2139</v>
      </c>
      <c r="D2497" s="23" t="s">
        <v>2241</v>
      </c>
      <c r="E2497" s="1" t="str">
        <f t="shared" si="580"/>
        <v>http://www.sap.com/community/tag.html?id=67837800100800005800</v>
      </c>
      <c r="F2497" s="23" t="s">
        <v>4627</v>
      </c>
      <c r="G2497"/>
      <c r="H2497"/>
      <c r="I2497"/>
      <c r="J2497"/>
    </row>
    <row r="2498" spans="1:10" x14ac:dyDescent="0.25">
      <c r="A2498" s="7"/>
      <c r="B2498" s="23"/>
      <c r="C2498" t="s">
        <v>1460</v>
      </c>
      <c r="D2498" s="23" t="s">
        <v>2241</v>
      </c>
      <c r="E2498" s="1" t="str">
        <f t="shared" si="580"/>
        <v>http://www.sap.com/community/tag.html?id=67837800100800007365</v>
      </c>
      <c r="F2498" s="23" t="s">
        <v>4628</v>
      </c>
      <c r="G2498"/>
      <c r="H2498"/>
      <c r="I2498"/>
      <c r="J2498"/>
    </row>
    <row r="2499" spans="1:10" x14ac:dyDescent="0.25">
      <c r="A2499" s="7"/>
      <c r="B2499"/>
      <c r="C2499" s="23" t="s">
        <v>202</v>
      </c>
      <c r="D2499" s="23" t="s">
        <v>2241</v>
      </c>
      <c r="E2499" s="1" t="str">
        <f t="shared" si="580"/>
        <v>http://www.sap.com/community/tag.html?id=67837800100800005799</v>
      </c>
      <c r="F2499" s="23" t="s">
        <v>4629</v>
      </c>
      <c r="G2499"/>
      <c r="H2499"/>
      <c r="I2499"/>
      <c r="J2499"/>
    </row>
    <row r="2500" spans="1:10" x14ac:dyDescent="0.25">
      <c r="A2500" s="7"/>
      <c r="B2500"/>
      <c r="C2500" s="23" t="s">
        <v>1762</v>
      </c>
      <c r="D2500" s="23" t="s">
        <v>2241</v>
      </c>
      <c r="E2500" s="1" t="str">
        <f t="shared" si="580"/>
        <v>http://www.sap.com/community/tag.html?id=73555000100800000283</v>
      </c>
      <c r="F2500" s="23" t="s">
        <v>4630</v>
      </c>
      <c r="G2500"/>
      <c r="H2500"/>
      <c r="I2500"/>
      <c r="J2500"/>
    </row>
    <row r="2501" spans="1:10" x14ac:dyDescent="0.25">
      <c r="A2501" s="7"/>
      <c r="B2501" s="23"/>
      <c r="C2501" t="s">
        <v>1999</v>
      </c>
      <c r="D2501" s="23" t="s">
        <v>2241</v>
      </c>
      <c r="E2501" s="1" t="str">
        <f t="shared" si="580"/>
        <v>http://www.sap.com/community/tag.html?id=73554900100800000313</v>
      </c>
      <c r="F2501" s="23" t="s">
        <v>4631</v>
      </c>
      <c r="G2501"/>
      <c r="H2501"/>
      <c r="I2501"/>
      <c r="J2501"/>
    </row>
    <row r="2502" spans="1:10" x14ac:dyDescent="0.25">
      <c r="A2502" s="7"/>
      <c r="B2502"/>
      <c r="C2502" s="23" t="s">
        <v>984</v>
      </c>
      <c r="D2502" s="23" t="s">
        <v>2241</v>
      </c>
      <c r="E2502" s="1" t="str">
        <f t="shared" si="580"/>
        <v>http://www.sap.com/community/tag.html?id=67837800100800005803</v>
      </c>
      <c r="F2502" s="23" t="s">
        <v>4632</v>
      </c>
      <c r="G2502"/>
      <c r="H2502"/>
      <c r="I2502"/>
      <c r="J2502"/>
    </row>
    <row r="2503" spans="1:10" x14ac:dyDescent="0.25">
      <c r="A2503" s="7"/>
      <c r="B2503" s="23"/>
      <c r="C2503" t="s">
        <v>1302</v>
      </c>
      <c r="D2503" s="23" t="s">
        <v>2241</v>
      </c>
      <c r="E2503" s="1" t="str">
        <f t="shared" si="580"/>
        <v>http://www.sap.com/community/tag.html?id=67838200100800006332</v>
      </c>
      <c r="F2503" s="23" t="s">
        <v>4633</v>
      </c>
      <c r="G2503"/>
      <c r="H2503"/>
      <c r="I2503"/>
      <c r="J2503"/>
    </row>
    <row r="2504" spans="1:10" x14ac:dyDescent="0.25">
      <c r="A2504" s="7"/>
      <c r="B2504"/>
      <c r="C2504" s="23" t="s">
        <v>191</v>
      </c>
      <c r="D2504" s="23" t="s">
        <v>2241</v>
      </c>
      <c r="E2504" s="1" t="str">
        <f t="shared" si="580"/>
        <v>http://www.sap.com/community/tag.html?id=67838200100800006619</v>
      </c>
      <c r="F2504" s="23" t="s">
        <v>4634</v>
      </c>
      <c r="G2504"/>
      <c r="H2504"/>
      <c r="I2504"/>
      <c r="J2504"/>
    </row>
    <row r="2505" spans="1:10" x14ac:dyDescent="0.25">
      <c r="A2505" s="7"/>
      <c r="B2505" s="23"/>
      <c r="C2505" t="s">
        <v>547</v>
      </c>
      <c r="D2505" s="23" t="s">
        <v>2241</v>
      </c>
      <c r="E2505" s="1" t="str">
        <f t="shared" si="580"/>
        <v>http://www.sap.com/community/tag.html?id=67837800100800005801</v>
      </c>
      <c r="F2505" s="23" t="s">
        <v>4635</v>
      </c>
      <c r="G2505"/>
      <c r="H2505"/>
      <c r="I2505"/>
      <c r="J2505"/>
    </row>
    <row r="2506" spans="1:10" x14ac:dyDescent="0.25">
      <c r="A2506" s="7"/>
      <c r="B2506"/>
      <c r="C2506" s="23" t="s">
        <v>955</v>
      </c>
      <c r="D2506" s="23" t="s">
        <v>2241</v>
      </c>
      <c r="E2506" s="1" t="str">
        <f t="shared" si="580"/>
        <v>http://www.sap.com/community/tag.html?id=73555000100800000285</v>
      </c>
      <c r="F2506" s="23" t="s">
        <v>4636</v>
      </c>
      <c r="G2506"/>
      <c r="H2506"/>
      <c r="I2506"/>
      <c r="J2506"/>
    </row>
    <row r="2507" spans="1:10" x14ac:dyDescent="0.25">
      <c r="A2507" s="7"/>
      <c r="B2507" s="23"/>
      <c r="C2507" t="s">
        <v>2222</v>
      </c>
      <c r="D2507" s="23" t="s">
        <v>2241</v>
      </c>
      <c r="E2507" s="1" t="str">
        <f t="shared" si="580"/>
        <v>http://www.sap.com/community/tag.html?id=67837800100800005802</v>
      </c>
      <c r="F2507" s="23" t="s">
        <v>4637</v>
      </c>
      <c r="G2507"/>
      <c r="H2507"/>
      <c r="I2507"/>
      <c r="J2507"/>
    </row>
    <row r="2508" spans="1:10" x14ac:dyDescent="0.25">
      <c r="A2508" s="7"/>
      <c r="B2508"/>
      <c r="C2508" s="23" t="s">
        <v>1427</v>
      </c>
      <c r="D2508" s="23" t="s">
        <v>2241</v>
      </c>
      <c r="E2508" s="1" t="str">
        <f t="shared" si="580"/>
        <v>http://www.sap.com/community/tag.html?id=67838200100800006860</v>
      </c>
      <c r="F2508" s="23" t="s">
        <v>4638</v>
      </c>
      <c r="G2508"/>
      <c r="H2508"/>
      <c r="I2508"/>
      <c r="J2508"/>
    </row>
    <row r="2509" spans="1:10" x14ac:dyDescent="0.25">
      <c r="A2509" s="7"/>
      <c r="B2509" s="23"/>
      <c r="C2509" t="s">
        <v>566</v>
      </c>
      <c r="D2509" s="23" t="s">
        <v>2241</v>
      </c>
      <c r="E2509" s="1" t="str">
        <f t="shared" si="580"/>
        <v>http://www.sap.com/community/tag.html?id=67838200100800006329</v>
      </c>
      <c r="F2509" s="23" t="s">
        <v>4639</v>
      </c>
      <c r="G2509"/>
      <c r="H2509"/>
      <c r="I2509"/>
      <c r="J2509"/>
    </row>
    <row r="2510" spans="1:10" x14ac:dyDescent="0.25">
      <c r="A2510" s="7"/>
      <c r="B2510"/>
      <c r="C2510" s="23" t="s">
        <v>494</v>
      </c>
      <c r="D2510" s="23" t="s">
        <v>2241</v>
      </c>
      <c r="E2510" s="1" t="str">
        <f t="shared" si="580"/>
        <v>http://www.sap.com/community/tag.html?id=67838200100800006843</v>
      </c>
      <c r="F2510" s="23" t="s">
        <v>4640</v>
      </c>
      <c r="G2510"/>
      <c r="H2510"/>
      <c r="I2510"/>
      <c r="J2510"/>
    </row>
    <row r="2511" spans="1:10" x14ac:dyDescent="0.25">
      <c r="A2511" s="7"/>
      <c r="B2511" s="23"/>
      <c r="C2511" t="s">
        <v>1368</v>
      </c>
      <c r="D2511" s="23" t="s">
        <v>2241</v>
      </c>
      <c r="E2511" s="1" t="str">
        <f t="shared" si="580"/>
        <v>http://www.sap.com/community/tag.html?id=67838200100800006627</v>
      </c>
      <c r="F2511" s="23" t="s">
        <v>4641</v>
      </c>
      <c r="G2511"/>
      <c r="H2511"/>
      <c r="I2511"/>
      <c r="J2511"/>
    </row>
    <row r="2512" spans="1:10" x14ac:dyDescent="0.25">
      <c r="A2512" s="7"/>
      <c r="B2512"/>
      <c r="C2512" s="23" t="s">
        <v>305</v>
      </c>
      <c r="D2512" s="23" t="s">
        <v>2241</v>
      </c>
      <c r="E2512" s="1" t="str">
        <f t="shared" si="580"/>
        <v>http://www.sap.com/community/tag.html?id=67837800100800005804</v>
      </c>
      <c r="F2512" s="23" t="s">
        <v>4642</v>
      </c>
      <c r="G2512"/>
      <c r="H2512"/>
      <c r="I2512"/>
      <c r="J2512"/>
    </row>
    <row r="2513" spans="1:10" x14ac:dyDescent="0.25">
      <c r="A2513" s="7"/>
      <c r="B2513" s="23" t="s">
        <v>5407</v>
      </c>
      <c r="C2513"/>
      <c r="D2513" s="7" t="s">
        <v>5032</v>
      </c>
      <c r="E2513" s="1"/>
      <c r="F2513" s="23" t="s">
        <v>4643</v>
      </c>
      <c r="G2513"/>
      <c r="H2513"/>
      <c r="I2513"/>
      <c r="J2513"/>
    </row>
    <row r="2514" spans="1:10" x14ac:dyDescent="0.25">
      <c r="A2514" s="7"/>
      <c r="B2514"/>
      <c r="C2514" s="23" t="s">
        <v>5407</v>
      </c>
      <c r="D2514" s="23" t="s">
        <v>2241</v>
      </c>
      <c r="E2514" s="1" t="str">
        <f t="shared" ref="E2514" si="581" xml:space="preserve"> HYPERLINK(CONCATENATE("http://www.sap.com/community/tag.html?id=",$F2514))</f>
        <v>http://www.sap.com/community/tag.html?id=73554900100800000041</v>
      </c>
      <c r="F2514" s="23" t="s">
        <v>4644</v>
      </c>
      <c r="G2514"/>
      <c r="H2514"/>
      <c r="I2514"/>
      <c r="J2514"/>
    </row>
    <row r="2515" spans="1:10" x14ac:dyDescent="0.25">
      <c r="A2515" s="7"/>
      <c r="B2515" t="s">
        <v>358</v>
      </c>
      <c r="C2515" s="23"/>
      <c r="D2515" s="7" t="s">
        <v>5032</v>
      </c>
      <c r="E2515" s="1"/>
      <c r="F2515" s="23" t="s">
        <v>4645</v>
      </c>
      <c r="G2515"/>
      <c r="H2515"/>
      <c r="I2515"/>
      <c r="J2515"/>
    </row>
    <row r="2516" spans="1:10" x14ac:dyDescent="0.25">
      <c r="A2516" s="7"/>
      <c r="B2516" s="23"/>
      <c r="C2516" t="s">
        <v>772</v>
      </c>
      <c r="D2516" s="23" t="s">
        <v>2241</v>
      </c>
      <c r="E2516" s="1" t="str">
        <f t="shared" ref="E2516:E2517" si="582" xml:space="preserve"> HYPERLINK(CONCATENATE("http://www.sap.com/community/tag.html?id=",$F2516))</f>
        <v>http://www.sap.com/community/tag.html?id=73554900100800000268</v>
      </c>
      <c r="F2516" s="23" t="s">
        <v>4646</v>
      </c>
      <c r="G2516"/>
      <c r="H2516"/>
      <c r="I2516"/>
      <c r="J2516"/>
    </row>
    <row r="2517" spans="1:10" x14ac:dyDescent="0.25">
      <c r="A2517" s="7"/>
      <c r="B2517"/>
      <c r="C2517" s="23" t="s">
        <v>2078</v>
      </c>
      <c r="D2517" s="23" t="s">
        <v>2241</v>
      </c>
      <c r="E2517" s="1" t="str">
        <f t="shared" si="582"/>
        <v>http://www.sap.com/community/tag.html?id=73554900100800000226</v>
      </c>
      <c r="F2517" s="23" t="s">
        <v>4792</v>
      </c>
      <c r="G2517"/>
      <c r="H2517"/>
      <c r="I2517"/>
      <c r="J2517"/>
    </row>
    <row r="2518" spans="1:10" x14ac:dyDescent="0.25">
      <c r="A2518" s="7"/>
      <c r="B2518" t="s">
        <v>5462</v>
      </c>
      <c r="C2518" s="23"/>
      <c r="D2518" s="7" t="s">
        <v>5032</v>
      </c>
      <c r="E2518" s="1"/>
      <c r="F2518" s="23" t="s">
        <v>5461</v>
      </c>
      <c r="G2518"/>
      <c r="H2518"/>
      <c r="I2518"/>
      <c r="J2518"/>
    </row>
    <row r="2519" spans="1:10" x14ac:dyDescent="0.25">
      <c r="A2519" s="7"/>
      <c r="B2519" s="23"/>
      <c r="C2519" t="s">
        <v>5462</v>
      </c>
      <c r="D2519" s="23" t="s">
        <v>2241</v>
      </c>
      <c r="E2519" s="1" t="str">
        <f t="shared" ref="E2519" si="583" xml:space="preserve"> HYPERLINK(CONCATENATE("http://www.sap.com/community/tag.html?id=",$F2519))</f>
        <v>http://www.sap.com/community/tag.html?id=73555000100800000136</v>
      </c>
      <c r="F2519" s="23" t="s">
        <v>5463</v>
      </c>
      <c r="G2519"/>
      <c r="H2519"/>
      <c r="I2519"/>
      <c r="J2519"/>
    </row>
    <row r="2520" spans="1:10" x14ac:dyDescent="0.25">
      <c r="A2520" s="7"/>
      <c r="B2520" t="s">
        <v>492</v>
      </c>
      <c r="C2520" s="23"/>
      <c r="D2520" s="7" t="s">
        <v>5032</v>
      </c>
      <c r="E2520" s="1"/>
      <c r="F2520" s="23" t="s">
        <v>4647</v>
      </c>
      <c r="G2520"/>
      <c r="H2520"/>
      <c r="I2520"/>
      <c r="J2520"/>
    </row>
    <row r="2521" spans="1:10" x14ac:dyDescent="0.25">
      <c r="A2521" s="7"/>
      <c r="B2521" s="23"/>
      <c r="C2521" t="s">
        <v>1251</v>
      </c>
      <c r="D2521" s="23" t="s">
        <v>2241</v>
      </c>
      <c r="E2521" s="1" t="str">
        <f t="shared" ref="E2521:E2522" si="584" xml:space="preserve"> HYPERLINK(CONCATENATE("http://www.sap.com/community/tag.html?id=",$F2521))</f>
        <v>http://www.sap.com/community/tag.html?id=67837800100800006849</v>
      </c>
      <c r="F2521" s="23" t="s">
        <v>4648</v>
      </c>
      <c r="G2521"/>
      <c r="H2521"/>
      <c r="I2521"/>
      <c r="J2521"/>
    </row>
    <row r="2522" spans="1:10" x14ac:dyDescent="0.25">
      <c r="A2522" s="7"/>
      <c r="B2522"/>
      <c r="C2522" s="23" t="s">
        <v>593</v>
      </c>
      <c r="D2522" s="23" t="s">
        <v>2241</v>
      </c>
      <c r="E2522" s="1" t="str">
        <f t="shared" si="584"/>
        <v>http://www.sap.com/community/tag.html?id=67837800100800004906</v>
      </c>
      <c r="F2522" s="23" t="s">
        <v>4649</v>
      </c>
      <c r="G2522"/>
      <c r="H2522"/>
      <c r="I2522"/>
      <c r="J2522"/>
    </row>
    <row r="2523" spans="1:10" x14ac:dyDescent="0.25">
      <c r="A2523" s="7"/>
      <c r="B2523" s="23" t="s">
        <v>610</v>
      </c>
      <c r="C2523"/>
      <c r="D2523" s="7" t="s">
        <v>5032</v>
      </c>
      <c r="E2523" s="1"/>
      <c r="F2523" s="23" t="s">
        <v>4650</v>
      </c>
      <c r="G2523"/>
      <c r="H2523"/>
      <c r="I2523"/>
      <c r="J2523"/>
    </row>
    <row r="2524" spans="1:10" x14ac:dyDescent="0.25">
      <c r="A2524" s="7"/>
      <c r="B2524"/>
      <c r="C2524" s="23" t="s">
        <v>645</v>
      </c>
      <c r="D2524" s="23" t="s">
        <v>2241</v>
      </c>
      <c r="E2524" s="1" t="str">
        <f t="shared" ref="E2524" si="585" xml:space="preserve"> HYPERLINK(CONCATENATE("http://www.sap.com/community/tag.html?id=",$F2524))</f>
        <v>http://www.sap.com/community/tag.html?id=67837800100800006854</v>
      </c>
      <c r="F2524" s="23" t="s">
        <v>4651</v>
      </c>
      <c r="G2524"/>
      <c r="H2524"/>
      <c r="I2524"/>
      <c r="J2524"/>
    </row>
    <row r="2525" spans="1:10" x14ac:dyDescent="0.25">
      <c r="A2525" s="7"/>
      <c r="B2525" s="23" t="s">
        <v>162</v>
      </c>
      <c r="C2525"/>
      <c r="D2525" s="7" t="s">
        <v>5032</v>
      </c>
      <c r="E2525" s="1"/>
      <c r="F2525" s="23" t="s">
        <v>4652</v>
      </c>
      <c r="G2525"/>
      <c r="H2525"/>
      <c r="I2525"/>
      <c r="J2525"/>
    </row>
    <row r="2526" spans="1:10" x14ac:dyDescent="0.25">
      <c r="A2526" s="7"/>
      <c r="B2526"/>
      <c r="C2526" s="23" t="s">
        <v>162</v>
      </c>
      <c r="D2526" s="23" t="s">
        <v>2241</v>
      </c>
      <c r="E2526" s="1" t="str">
        <f t="shared" ref="E2526" si="586" xml:space="preserve"> HYPERLINK(CONCATENATE("http://www.sap.com/community/tag.html?id=",$F2526))</f>
        <v>http://www.sap.com/community/tag.html?id=01200314690800002340</v>
      </c>
      <c r="F2526" s="23" t="s">
        <v>4653</v>
      </c>
      <c r="G2526"/>
      <c r="H2526"/>
      <c r="I2526"/>
      <c r="J2526"/>
    </row>
    <row r="2527" spans="1:10" x14ac:dyDescent="0.25">
      <c r="A2527" s="7"/>
      <c r="B2527" t="s">
        <v>589</v>
      </c>
      <c r="C2527" s="23"/>
      <c r="D2527" s="7" t="s">
        <v>5032</v>
      </c>
      <c r="E2527" s="1"/>
      <c r="F2527" s="23" t="s">
        <v>4654</v>
      </c>
      <c r="G2527"/>
      <c r="H2527"/>
      <c r="I2527"/>
      <c r="J2527"/>
    </row>
    <row r="2528" spans="1:10" x14ac:dyDescent="0.25">
      <c r="A2528" s="7"/>
      <c r="B2528"/>
      <c r="C2528" s="23" t="s">
        <v>589</v>
      </c>
      <c r="D2528" s="23" t="s">
        <v>2241</v>
      </c>
      <c r="E2528" s="1" t="str">
        <f t="shared" ref="E2528" si="587" xml:space="preserve"> HYPERLINK(CONCATENATE("http://www.sap.com/community/tag.html?id=",$F2528))</f>
        <v>http://www.sap.com/community/tag.html?id=01200615320800003672</v>
      </c>
      <c r="F2528" s="23" t="s">
        <v>4655</v>
      </c>
      <c r="G2528"/>
      <c r="H2528"/>
      <c r="I2528"/>
      <c r="J2528"/>
    </row>
    <row r="2529" spans="1:10" x14ac:dyDescent="0.25">
      <c r="A2529" s="7"/>
      <c r="B2529" t="s">
        <v>2034</v>
      </c>
      <c r="C2529" s="23"/>
      <c r="D2529" s="7" t="s">
        <v>5032</v>
      </c>
      <c r="E2529" s="1"/>
      <c r="F2529" s="23" t="s">
        <v>4656</v>
      </c>
      <c r="G2529"/>
      <c r="H2529"/>
      <c r="I2529"/>
      <c r="J2529"/>
    </row>
    <row r="2530" spans="1:10" x14ac:dyDescent="0.25">
      <c r="A2530" s="7"/>
      <c r="B2530"/>
      <c r="C2530" s="23" t="s">
        <v>2034</v>
      </c>
      <c r="D2530" s="23" t="s">
        <v>2241</v>
      </c>
      <c r="E2530" s="1" t="str">
        <f t="shared" ref="E2530" si="588" xml:space="preserve"> HYPERLINK(CONCATENATE("http://www.sap.com/community/tag.html?id=",$F2530))</f>
        <v>http://www.sap.com/community/tag.html?id=01200615320800003576</v>
      </c>
      <c r="F2530" s="23" t="s">
        <v>4657</v>
      </c>
      <c r="G2530"/>
      <c r="H2530"/>
      <c r="I2530"/>
      <c r="J2530"/>
    </row>
    <row r="2531" spans="1:10" x14ac:dyDescent="0.25">
      <c r="A2531" s="7"/>
      <c r="B2531" t="s">
        <v>508</v>
      </c>
      <c r="C2531" s="23"/>
      <c r="D2531" s="7" t="s">
        <v>5032</v>
      </c>
      <c r="E2531" s="1"/>
      <c r="F2531" s="23" t="s">
        <v>4658</v>
      </c>
      <c r="G2531"/>
      <c r="H2531"/>
      <c r="I2531"/>
      <c r="J2531"/>
    </row>
    <row r="2532" spans="1:10" x14ac:dyDescent="0.25">
      <c r="A2532" s="7"/>
      <c r="B2532"/>
      <c r="C2532" s="23" t="s">
        <v>250</v>
      </c>
      <c r="D2532" s="23" t="s">
        <v>2241</v>
      </c>
      <c r="E2532" s="1" t="str">
        <f t="shared" ref="E2532" si="589" xml:space="preserve"> HYPERLINK(CONCATENATE("http://www.sap.com/community/tag.html?id=",$F2532))</f>
        <v>http://www.sap.com/community/tag.html?id=67837800100800006853</v>
      </c>
      <c r="F2532" s="23" t="s">
        <v>4659</v>
      </c>
      <c r="G2532"/>
      <c r="H2532"/>
      <c r="I2532"/>
      <c r="J2532"/>
    </row>
    <row r="2533" spans="1:10" x14ac:dyDescent="0.25">
      <c r="A2533" s="7"/>
      <c r="B2533" t="s">
        <v>1945</v>
      </c>
      <c r="C2533" s="23"/>
      <c r="D2533" s="7" t="s">
        <v>5032</v>
      </c>
      <c r="E2533" s="1"/>
      <c r="F2533" s="23" t="s">
        <v>4660</v>
      </c>
      <c r="G2533"/>
      <c r="H2533"/>
      <c r="I2533"/>
      <c r="J2533"/>
    </row>
    <row r="2534" spans="1:10" x14ac:dyDescent="0.25">
      <c r="A2534" s="7"/>
      <c r="B2534"/>
      <c r="C2534" s="23" t="s">
        <v>1945</v>
      </c>
      <c r="D2534" s="23" t="s">
        <v>2241</v>
      </c>
      <c r="E2534" s="1" t="str">
        <f t="shared" ref="E2534" si="590" xml:space="preserve"> HYPERLINK(CONCATENATE("http://www.sap.com/community/tag.html?id=",$F2534))</f>
        <v>http://www.sap.com/community/tag.html?id=01200615320800000063</v>
      </c>
      <c r="F2534" s="23" t="s">
        <v>4661</v>
      </c>
      <c r="G2534"/>
      <c r="H2534"/>
      <c r="I2534"/>
      <c r="J2534"/>
    </row>
    <row r="2535" spans="1:10" x14ac:dyDescent="0.25">
      <c r="A2535" s="7"/>
      <c r="B2535" s="23" t="s">
        <v>787</v>
      </c>
      <c r="C2535"/>
      <c r="D2535" s="7" t="s">
        <v>5032</v>
      </c>
      <c r="E2535" s="1"/>
      <c r="F2535" s="23" t="s">
        <v>4662</v>
      </c>
      <c r="G2535"/>
      <c r="H2535"/>
      <c r="I2535"/>
      <c r="J2535"/>
    </row>
    <row r="2536" spans="1:10" x14ac:dyDescent="0.25">
      <c r="A2536" s="7"/>
      <c r="B2536"/>
      <c r="C2536" s="23" t="s">
        <v>1781</v>
      </c>
      <c r="D2536" s="23" t="s">
        <v>2241</v>
      </c>
      <c r="E2536" s="1" t="str">
        <f t="shared" ref="E2536:E2537" si="591" xml:space="preserve"> HYPERLINK(CONCATENATE("http://www.sap.com/community/tag.html?id=",$F2536))</f>
        <v>http://www.sap.com/community/tag.html?id=01200314690800001842</v>
      </c>
      <c r="F2536" s="23" t="s">
        <v>4663</v>
      </c>
      <c r="G2536"/>
      <c r="H2536"/>
      <c r="I2536"/>
      <c r="J2536"/>
    </row>
    <row r="2537" spans="1:10" x14ac:dyDescent="0.25">
      <c r="A2537" s="7"/>
      <c r="B2537"/>
      <c r="C2537" s="23" t="s">
        <v>991</v>
      </c>
      <c r="D2537" s="23" t="s">
        <v>2241</v>
      </c>
      <c r="E2537" s="1" t="str">
        <f t="shared" si="591"/>
        <v>http://www.sap.com/community/tag.html?id=01200314690800001841</v>
      </c>
      <c r="F2537" s="23" t="s">
        <v>4664</v>
      </c>
      <c r="G2537"/>
      <c r="H2537"/>
      <c r="I2537"/>
      <c r="J2537"/>
    </row>
    <row r="2538" spans="1:10" x14ac:dyDescent="0.25">
      <c r="A2538" s="7"/>
      <c r="B2538" t="s">
        <v>1292</v>
      </c>
      <c r="C2538" s="23"/>
      <c r="D2538" s="7" t="s">
        <v>5032</v>
      </c>
      <c r="E2538" s="1"/>
      <c r="F2538" s="23" t="s">
        <v>4665</v>
      </c>
      <c r="G2538"/>
      <c r="H2538"/>
      <c r="I2538"/>
      <c r="J2538"/>
    </row>
    <row r="2539" spans="1:10" x14ac:dyDescent="0.25">
      <c r="A2539" s="7"/>
      <c r="B2539" s="23"/>
      <c r="C2539" t="s">
        <v>1292</v>
      </c>
      <c r="D2539" s="23" t="s">
        <v>2241</v>
      </c>
      <c r="E2539" s="1" t="str">
        <f t="shared" ref="E2539:E2540" si="592" xml:space="preserve"> HYPERLINK(CONCATENATE("http://www.sap.com/community/tag.html?id=",$F2539))</f>
        <v>http://www.sap.com/community/tag.html?id=01200314690800000156</v>
      </c>
      <c r="F2539" s="23" t="s">
        <v>4666</v>
      </c>
      <c r="G2539"/>
      <c r="H2539"/>
      <c r="I2539"/>
      <c r="J2539"/>
    </row>
    <row r="2540" spans="1:10" x14ac:dyDescent="0.25">
      <c r="A2540" s="7"/>
      <c r="B2540"/>
      <c r="C2540" s="23" t="s">
        <v>1348</v>
      </c>
      <c r="D2540" s="23" t="s">
        <v>2241</v>
      </c>
      <c r="E2540" s="1" t="str">
        <f t="shared" si="592"/>
        <v>http://www.sap.com/community/tag.html?id=01200314690800001347</v>
      </c>
      <c r="F2540" s="23" t="s">
        <v>4667</v>
      </c>
      <c r="G2540"/>
      <c r="H2540"/>
      <c r="I2540"/>
      <c r="J2540"/>
    </row>
    <row r="2541" spans="1:10" x14ac:dyDescent="0.25">
      <c r="A2541" s="7"/>
      <c r="B2541" t="s">
        <v>882</v>
      </c>
      <c r="C2541" s="23"/>
      <c r="D2541" s="7" t="s">
        <v>5032</v>
      </c>
      <c r="E2541" s="1"/>
      <c r="F2541" s="23" t="s">
        <v>4668</v>
      </c>
      <c r="G2541"/>
      <c r="H2541"/>
      <c r="I2541"/>
      <c r="J2541"/>
    </row>
    <row r="2542" spans="1:10" x14ac:dyDescent="0.25">
      <c r="A2542" s="7"/>
      <c r="B2542"/>
      <c r="C2542" s="23" t="s">
        <v>882</v>
      </c>
      <c r="D2542" s="23" t="s">
        <v>2241</v>
      </c>
      <c r="E2542" s="1" t="str">
        <f t="shared" ref="E2542" si="593" xml:space="preserve"> HYPERLINK(CONCATENATE("http://www.sap.com/community/tag.html?id=",$F2542))</f>
        <v>http://www.sap.com/community/tag.html?id=01200615320800000402</v>
      </c>
      <c r="F2542" s="23" t="s">
        <v>4669</v>
      </c>
      <c r="G2542"/>
      <c r="H2542"/>
      <c r="I2542"/>
      <c r="J2542"/>
    </row>
    <row r="2543" spans="1:10" x14ac:dyDescent="0.25">
      <c r="A2543" s="7"/>
      <c r="B2543" t="s">
        <v>840</v>
      </c>
      <c r="C2543" s="23"/>
      <c r="D2543" s="7" t="s">
        <v>5032</v>
      </c>
      <c r="E2543" s="1"/>
      <c r="F2543" s="23" t="s">
        <v>4670</v>
      </c>
      <c r="G2543"/>
      <c r="H2543"/>
      <c r="I2543"/>
      <c r="J2543"/>
    </row>
    <row r="2544" spans="1:10" x14ac:dyDescent="0.25">
      <c r="A2544" s="7"/>
      <c r="B2544"/>
      <c r="C2544" s="23" t="s">
        <v>840</v>
      </c>
      <c r="D2544" s="23" t="s">
        <v>2241</v>
      </c>
      <c r="E2544" s="1" t="str">
        <f t="shared" ref="E2544" si="594" xml:space="preserve"> HYPERLINK(CONCATENATE("http://www.sap.com/community/tag.html?id=",$F2544))</f>
        <v>http://www.sap.com/community/tag.html?id=67838200100800005770</v>
      </c>
      <c r="F2544" s="23" t="s">
        <v>4671</v>
      </c>
      <c r="G2544"/>
      <c r="H2544"/>
      <c r="I2544"/>
      <c r="J2544"/>
    </row>
    <row r="2545" spans="1:10" x14ac:dyDescent="0.25">
      <c r="A2545" s="7"/>
      <c r="B2545" t="s">
        <v>808</v>
      </c>
      <c r="C2545" s="23"/>
      <c r="D2545" s="7" t="s">
        <v>5032</v>
      </c>
      <c r="E2545" s="1"/>
      <c r="F2545" s="23" t="s">
        <v>4672</v>
      </c>
      <c r="G2545"/>
      <c r="H2545"/>
      <c r="I2545"/>
      <c r="J2545"/>
    </row>
    <row r="2546" spans="1:10" x14ac:dyDescent="0.25">
      <c r="A2546" s="7"/>
      <c r="B2546"/>
      <c r="C2546" s="23" t="s">
        <v>808</v>
      </c>
      <c r="D2546" s="23" t="s">
        <v>2241</v>
      </c>
      <c r="E2546" s="1" t="str">
        <f t="shared" ref="E2546" si="595" xml:space="preserve"> HYPERLINK(CONCATENATE("http://www.sap.com/community/tag.html?id=",$F2546))</f>
        <v>http://www.sap.com/community/tag.html?id=67838200100800006201</v>
      </c>
      <c r="F2546" s="23" t="s">
        <v>4673</v>
      </c>
      <c r="G2546"/>
      <c r="H2546"/>
      <c r="I2546"/>
      <c r="J2546"/>
    </row>
    <row r="2547" spans="1:10" x14ac:dyDescent="0.25">
      <c r="A2547" s="7"/>
      <c r="B2547" t="s">
        <v>816</v>
      </c>
      <c r="C2547" s="23"/>
      <c r="D2547" s="7" t="s">
        <v>5032</v>
      </c>
      <c r="E2547" s="1"/>
      <c r="F2547" s="23" t="s">
        <v>4674</v>
      </c>
      <c r="G2547"/>
      <c r="H2547"/>
      <c r="I2547"/>
      <c r="J2547"/>
    </row>
    <row r="2548" spans="1:10" x14ac:dyDescent="0.25">
      <c r="A2548" s="7"/>
      <c r="B2548"/>
      <c r="C2548" s="23" t="s">
        <v>533</v>
      </c>
      <c r="D2548" s="23" t="s">
        <v>2241</v>
      </c>
      <c r="E2548" s="1" t="str">
        <f t="shared" ref="E2548:E2556" si="596" xml:space="preserve"> HYPERLINK(CONCATENATE("http://www.sap.com/community/tag.html?id=",$F2548))</f>
        <v>http://www.sap.com/community/tag.html?id=67838200100800005480</v>
      </c>
      <c r="F2548" s="23" t="s">
        <v>4675</v>
      </c>
      <c r="G2548"/>
      <c r="H2548"/>
      <c r="I2548"/>
      <c r="J2548"/>
    </row>
    <row r="2549" spans="1:10" x14ac:dyDescent="0.25">
      <c r="A2549" s="7"/>
      <c r="B2549"/>
      <c r="C2549" s="23" t="s">
        <v>445</v>
      </c>
      <c r="D2549" s="23" t="s">
        <v>2241</v>
      </c>
      <c r="E2549" s="1" t="str">
        <f t="shared" si="596"/>
        <v>http://www.sap.com/community/tag.html?id=67838200100800005418</v>
      </c>
      <c r="F2549" s="23" t="s">
        <v>4676</v>
      </c>
      <c r="G2549"/>
      <c r="H2549"/>
      <c r="I2549"/>
      <c r="J2549"/>
    </row>
    <row r="2550" spans="1:10" x14ac:dyDescent="0.25">
      <c r="A2550" s="7"/>
      <c r="B2550"/>
      <c r="C2550" s="23" t="s">
        <v>619</v>
      </c>
      <c r="D2550" s="23" t="s">
        <v>2241</v>
      </c>
      <c r="E2550" s="1" t="str">
        <f t="shared" si="596"/>
        <v>http://www.sap.com/community/tag.html?id=67838200100800005680</v>
      </c>
      <c r="F2550" s="23" t="s">
        <v>4677</v>
      </c>
      <c r="G2550"/>
      <c r="H2550"/>
      <c r="I2550"/>
      <c r="J2550"/>
    </row>
    <row r="2551" spans="1:10" x14ac:dyDescent="0.25">
      <c r="A2551" s="7"/>
      <c r="B2551"/>
      <c r="C2551" s="23" t="s">
        <v>816</v>
      </c>
      <c r="D2551" s="23" t="s">
        <v>2241</v>
      </c>
      <c r="E2551" s="1" t="str">
        <f t="shared" si="596"/>
        <v>http://www.sap.com/community/tag.html?id=01200615320800002636</v>
      </c>
      <c r="F2551" s="23" t="s">
        <v>4678</v>
      </c>
      <c r="G2551"/>
      <c r="H2551"/>
      <c r="I2551"/>
      <c r="J2551"/>
    </row>
    <row r="2552" spans="1:10" x14ac:dyDescent="0.25">
      <c r="A2552" s="7"/>
      <c r="B2552"/>
      <c r="C2552" s="23" t="s">
        <v>398</v>
      </c>
      <c r="D2552" s="23" t="s">
        <v>2241</v>
      </c>
      <c r="E2552" s="1" t="str">
        <f t="shared" si="596"/>
        <v>http://www.sap.com/community/tag.html?id=67837800100800005566</v>
      </c>
      <c r="F2552" s="23" t="s">
        <v>4679</v>
      </c>
      <c r="G2552"/>
      <c r="H2552"/>
      <c r="I2552"/>
      <c r="J2552"/>
    </row>
    <row r="2553" spans="1:10" x14ac:dyDescent="0.25">
      <c r="A2553" s="7"/>
      <c r="B2553"/>
      <c r="C2553" s="23" t="s">
        <v>1640</v>
      </c>
      <c r="D2553" s="23" t="s">
        <v>2241</v>
      </c>
      <c r="E2553" s="1" t="str">
        <f t="shared" si="596"/>
        <v>http://www.sap.com/community/tag.html?id=67838200100800004026</v>
      </c>
      <c r="F2553" s="23" t="s">
        <v>4680</v>
      </c>
      <c r="G2553"/>
      <c r="H2553"/>
      <c r="I2553"/>
      <c r="J2553"/>
    </row>
    <row r="2554" spans="1:10" x14ac:dyDescent="0.25">
      <c r="A2554" s="7"/>
      <c r="B2554"/>
      <c r="C2554" s="23" t="s">
        <v>1239</v>
      </c>
      <c r="D2554" s="23" t="s">
        <v>2241</v>
      </c>
      <c r="E2554" s="1" t="str">
        <f t="shared" si="596"/>
        <v>http://www.sap.com/community/tag.html?id=67838200100800004025</v>
      </c>
      <c r="F2554" s="23" t="s">
        <v>4681</v>
      </c>
      <c r="G2554"/>
      <c r="H2554"/>
      <c r="I2554"/>
      <c r="J2554"/>
    </row>
    <row r="2555" spans="1:10" x14ac:dyDescent="0.25">
      <c r="A2555" s="7"/>
      <c r="B2555"/>
      <c r="C2555" s="23" t="s">
        <v>1430</v>
      </c>
      <c r="D2555" s="23" t="s">
        <v>2241</v>
      </c>
      <c r="E2555" s="1" t="str">
        <f t="shared" si="596"/>
        <v>http://www.sap.com/community/tag.html?id=67838200100800005775</v>
      </c>
      <c r="F2555" s="23" t="s">
        <v>4682</v>
      </c>
      <c r="G2555"/>
      <c r="H2555"/>
      <c r="I2555"/>
      <c r="J2555"/>
    </row>
    <row r="2556" spans="1:10" x14ac:dyDescent="0.25">
      <c r="A2556" s="7"/>
      <c r="B2556"/>
      <c r="C2556" s="23" t="s">
        <v>1360</v>
      </c>
      <c r="D2556" s="23" t="s">
        <v>2241</v>
      </c>
      <c r="E2556" s="1" t="str">
        <f t="shared" si="596"/>
        <v>http://www.sap.com/community/tag.html?id=67838200100800005774</v>
      </c>
      <c r="F2556" s="23" t="s">
        <v>4683</v>
      </c>
      <c r="G2556"/>
      <c r="H2556"/>
      <c r="I2556"/>
      <c r="J2556"/>
    </row>
    <row r="2557" spans="1:10" x14ac:dyDescent="0.25">
      <c r="A2557" s="7"/>
      <c r="B2557" t="s">
        <v>668</v>
      </c>
      <c r="C2557" s="23"/>
      <c r="D2557" s="7" t="s">
        <v>5032</v>
      </c>
      <c r="E2557" s="1"/>
      <c r="F2557" s="23" t="s">
        <v>4684</v>
      </c>
      <c r="G2557"/>
      <c r="H2557"/>
      <c r="I2557"/>
      <c r="J2557"/>
    </row>
    <row r="2558" spans="1:10" x14ac:dyDescent="0.25">
      <c r="A2558" s="7"/>
      <c r="B2558"/>
      <c r="C2558" s="23" t="s">
        <v>1551</v>
      </c>
      <c r="D2558" s="23" t="s">
        <v>2241</v>
      </c>
      <c r="E2558" s="1" t="str">
        <f t="shared" ref="E2558:E2560" si="597" xml:space="preserve"> HYPERLINK(CONCATENATE("http://www.sap.com/community/tag.html?id=",$F2558))</f>
        <v>http://www.sap.com/community/tag.html?id=67838200100800006217</v>
      </c>
      <c r="F2558" s="23" t="s">
        <v>4685</v>
      </c>
      <c r="G2558"/>
      <c r="H2558"/>
      <c r="I2558"/>
      <c r="J2558"/>
    </row>
    <row r="2559" spans="1:10" x14ac:dyDescent="0.25">
      <c r="A2559" s="7"/>
      <c r="B2559"/>
      <c r="C2559" s="23" t="s">
        <v>318</v>
      </c>
      <c r="D2559" s="23" t="s">
        <v>2241</v>
      </c>
      <c r="E2559" s="1" t="str">
        <f t="shared" si="597"/>
        <v>http://www.sap.com/community/tag.html?id=73554900100800000211</v>
      </c>
      <c r="F2559" s="23" t="s">
        <v>4686</v>
      </c>
      <c r="G2559"/>
      <c r="H2559"/>
      <c r="I2559"/>
      <c r="J2559"/>
    </row>
    <row r="2560" spans="1:10" x14ac:dyDescent="0.25">
      <c r="A2560" s="7"/>
      <c r="B2560"/>
      <c r="C2560" s="23" t="s">
        <v>1215</v>
      </c>
      <c r="D2560" s="23" t="s">
        <v>2241</v>
      </c>
      <c r="E2560" s="1" t="str">
        <f t="shared" si="597"/>
        <v>http://www.sap.com/community/tag.html?id=01200314690800002528</v>
      </c>
      <c r="F2560" s="23" t="s">
        <v>4687</v>
      </c>
      <c r="G2560"/>
      <c r="H2560"/>
      <c r="I2560"/>
      <c r="J2560"/>
    </row>
    <row r="2561" spans="1:10" x14ac:dyDescent="0.25">
      <c r="A2561" s="7"/>
      <c r="B2561" t="s">
        <v>438</v>
      </c>
      <c r="C2561" s="23"/>
      <c r="D2561" s="7" t="s">
        <v>5032</v>
      </c>
      <c r="E2561" s="1"/>
      <c r="F2561" s="23" t="s">
        <v>4688</v>
      </c>
      <c r="G2561"/>
      <c r="H2561"/>
      <c r="I2561"/>
      <c r="J2561"/>
    </row>
    <row r="2562" spans="1:10" x14ac:dyDescent="0.25">
      <c r="A2562" s="7"/>
      <c r="B2562"/>
      <c r="C2562" s="23" t="s">
        <v>10</v>
      </c>
      <c r="D2562" s="23" t="s">
        <v>2241</v>
      </c>
      <c r="E2562" s="1" t="str">
        <f t="shared" ref="E2562:E2616" si="598" xml:space="preserve"> HYPERLINK(CONCATENATE("http://www.sap.com/community/tag.html?id=",$F2562))</f>
        <v>http://www.sap.com/community/tag.html?id=01200615320800000655</v>
      </c>
      <c r="F2562" s="23" t="s">
        <v>4689</v>
      </c>
      <c r="G2562"/>
      <c r="H2562"/>
      <c r="I2562"/>
      <c r="J2562"/>
    </row>
    <row r="2563" spans="1:10" x14ac:dyDescent="0.25">
      <c r="A2563" s="7"/>
      <c r="B2563"/>
      <c r="C2563" s="23" t="s">
        <v>1485</v>
      </c>
      <c r="D2563" s="23" t="s">
        <v>2241</v>
      </c>
      <c r="E2563" s="1" t="str">
        <f t="shared" si="598"/>
        <v>http://www.sap.com/community/tag.html?id=01200615320800001136</v>
      </c>
      <c r="F2563" s="23" t="s">
        <v>4690</v>
      </c>
      <c r="G2563"/>
      <c r="H2563"/>
      <c r="I2563"/>
      <c r="J2563"/>
    </row>
    <row r="2564" spans="1:10" x14ac:dyDescent="0.25">
      <c r="A2564" s="7"/>
      <c r="B2564"/>
      <c r="C2564" s="23" t="s">
        <v>1842</v>
      </c>
      <c r="D2564" s="23" t="s">
        <v>2241</v>
      </c>
      <c r="E2564" s="1" t="str">
        <f t="shared" si="598"/>
        <v>http://www.sap.com/community/tag.html?id=01200314690800000148</v>
      </c>
      <c r="F2564" s="23" t="s">
        <v>4691</v>
      </c>
      <c r="G2564"/>
      <c r="H2564"/>
      <c r="I2564"/>
      <c r="J2564"/>
    </row>
    <row r="2565" spans="1:10" x14ac:dyDescent="0.25">
      <c r="A2565" s="7"/>
      <c r="B2565"/>
      <c r="C2565" s="23" t="s">
        <v>1184</v>
      </c>
      <c r="D2565" s="23" t="s">
        <v>2241</v>
      </c>
      <c r="E2565" s="1" t="str">
        <f t="shared" si="598"/>
        <v>http://www.sap.com/community/tag.html?id=01200314690800001110</v>
      </c>
      <c r="F2565" s="23" t="s">
        <v>4692</v>
      </c>
      <c r="G2565"/>
      <c r="H2565"/>
      <c r="I2565"/>
      <c r="J2565"/>
    </row>
    <row r="2566" spans="1:10" x14ac:dyDescent="0.25">
      <c r="A2566" s="7"/>
      <c r="B2566"/>
      <c r="C2566" s="23" t="s">
        <v>1009</v>
      </c>
      <c r="D2566" s="23" t="s">
        <v>2241</v>
      </c>
      <c r="E2566" s="1" t="str">
        <f t="shared" si="598"/>
        <v>http://www.sap.com/community/tag.html?id=01200314690800001899</v>
      </c>
      <c r="F2566" s="23" t="s">
        <v>4693</v>
      </c>
      <c r="G2566"/>
      <c r="H2566"/>
      <c r="I2566"/>
      <c r="J2566"/>
    </row>
    <row r="2567" spans="1:10" x14ac:dyDescent="0.25">
      <c r="A2567" s="7"/>
      <c r="B2567"/>
      <c r="C2567" s="23" t="s">
        <v>11</v>
      </c>
      <c r="D2567" s="23" t="s">
        <v>2241</v>
      </c>
      <c r="E2567" s="1" t="str">
        <f t="shared" si="598"/>
        <v>http://www.sap.com/community/tag.html?id=01200615320800003120</v>
      </c>
      <c r="F2567" s="23" t="s">
        <v>4694</v>
      </c>
      <c r="G2567"/>
      <c r="H2567"/>
      <c r="I2567"/>
      <c r="J2567"/>
    </row>
    <row r="2568" spans="1:10" x14ac:dyDescent="0.25">
      <c r="A2568" s="7"/>
      <c r="B2568"/>
      <c r="C2568" s="23" t="s">
        <v>507</v>
      </c>
      <c r="D2568" s="23" t="s">
        <v>2241</v>
      </c>
      <c r="E2568" s="1" t="str">
        <f t="shared" si="598"/>
        <v>http://www.sap.com/community/tag.html?id=01200615320800003798</v>
      </c>
      <c r="F2568" s="23" t="s">
        <v>4695</v>
      </c>
      <c r="G2568"/>
      <c r="H2568"/>
      <c r="I2568"/>
      <c r="J2568"/>
    </row>
    <row r="2569" spans="1:10" x14ac:dyDescent="0.25">
      <c r="A2569" s="7"/>
      <c r="B2569"/>
      <c r="C2569" s="23" t="s">
        <v>479</v>
      </c>
      <c r="D2569" s="23" t="s">
        <v>2241</v>
      </c>
      <c r="E2569" s="1" t="str">
        <f t="shared" si="598"/>
        <v>http://www.sap.com/community/tag.html?id=01200314690800000277</v>
      </c>
      <c r="F2569" s="23" t="s">
        <v>4696</v>
      </c>
      <c r="G2569"/>
      <c r="H2569"/>
      <c r="I2569"/>
      <c r="J2569"/>
    </row>
    <row r="2570" spans="1:10" x14ac:dyDescent="0.25">
      <c r="A2570" s="7"/>
      <c r="B2570"/>
      <c r="C2570" s="23" t="s">
        <v>1163</v>
      </c>
      <c r="D2570" s="23" t="s">
        <v>2241</v>
      </c>
      <c r="E2570" s="1" t="str">
        <f t="shared" si="598"/>
        <v>http://www.sap.com/community/tag.html?id=01200615320800001126</v>
      </c>
      <c r="F2570" s="23" t="s">
        <v>4697</v>
      </c>
      <c r="G2570"/>
      <c r="H2570"/>
      <c r="I2570"/>
      <c r="J2570"/>
    </row>
    <row r="2571" spans="1:10" x14ac:dyDescent="0.25">
      <c r="A2571" s="7"/>
      <c r="B2571"/>
      <c r="C2571" s="23" t="s">
        <v>379</v>
      </c>
      <c r="D2571" s="23" t="s">
        <v>2241</v>
      </c>
      <c r="E2571" s="1" t="str">
        <f t="shared" si="598"/>
        <v>http://www.sap.com/community/tag.html?id=67837800100800007114</v>
      </c>
      <c r="F2571" s="23" t="s">
        <v>4698</v>
      </c>
      <c r="G2571"/>
      <c r="H2571"/>
      <c r="I2571"/>
      <c r="J2571"/>
    </row>
    <row r="2572" spans="1:10" x14ac:dyDescent="0.25">
      <c r="A2572" s="7"/>
      <c r="B2572"/>
      <c r="C2572" s="23" t="s">
        <v>1168</v>
      </c>
      <c r="D2572" s="23" t="s">
        <v>2241</v>
      </c>
      <c r="E2572" s="1" t="str">
        <f t="shared" si="598"/>
        <v>http://www.sap.com/community/tag.html?id=67838200100800005816</v>
      </c>
      <c r="F2572" s="23" t="s">
        <v>4699</v>
      </c>
      <c r="G2572"/>
      <c r="H2572"/>
      <c r="I2572"/>
      <c r="J2572"/>
    </row>
    <row r="2573" spans="1:10" x14ac:dyDescent="0.25">
      <c r="A2573" s="7"/>
      <c r="B2573"/>
      <c r="C2573" s="23" t="s">
        <v>753</v>
      </c>
      <c r="D2573" s="23" t="s">
        <v>2241</v>
      </c>
      <c r="E2573" s="1" t="str">
        <f t="shared" si="598"/>
        <v>http://www.sap.com/community/tag.html?id=01200615320800003688</v>
      </c>
      <c r="F2573" s="23" t="s">
        <v>4700</v>
      </c>
      <c r="G2573"/>
      <c r="H2573"/>
      <c r="I2573"/>
      <c r="J2573"/>
    </row>
    <row r="2574" spans="1:10" x14ac:dyDescent="0.25">
      <c r="A2574" s="7"/>
      <c r="B2574"/>
      <c r="C2574" s="23" t="s">
        <v>1900</v>
      </c>
      <c r="D2574" s="23" t="s">
        <v>2241</v>
      </c>
      <c r="E2574" s="1" t="str">
        <f t="shared" si="598"/>
        <v>http://www.sap.com/community/tag.html?id=67838200100800005827</v>
      </c>
      <c r="F2574" s="23" t="s">
        <v>4701</v>
      </c>
      <c r="G2574"/>
      <c r="H2574"/>
      <c r="I2574"/>
      <c r="J2574"/>
    </row>
    <row r="2575" spans="1:10" x14ac:dyDescent="0.25">
      <c r="A2575" s="7"/>
      <c r="B2575"/>
      <c r="C2575" s="23" t="s">
        <v>1969</v>
      </c>
      <c r="D2575" s="23" t="s">
        <v>2241</v>
      </c>
      <c r="E2575" s="1" t="str">
        <f t="shared" si="598"/>
        <v>http://www.sap.com/community/tag.html?id=67837800100800006410</v>
      </c>
      <c r="F2575" s="23" t="s">
        <v>4702</v>
      </c>
      <c r="G2575"/>
      <c r="H2575"/>
      <c r="I2575"/>
      <c r="J2575"/>
    </row>
    <row r="2576" spans="1:10" x14ac:dyDescent="0.25">
      <c r="A2576" s="7"/>
      <c r="B2576"/>
      <c r="C2576" s="23" t="s">
        <v>805</v>
      </c>
      <c r="D2576" s="23" t="s">
        <v>2241</v>
      </c>
      <c r="E2576" s="1" t="str">
        <f t="shared" si="598"/>
        <v>http://www.sap.com/community/tag.html?id=67838200100800006231</v>
      </c>
      <c r="F2576" s="23" t="s">
        <v>4703</v>
      </c>
      <c r="G2576"/>
      <c r="H2576"/>
      <c r="I2576"/>
      <c r="J2576"/>
    </row>
    <row r="2577" spans="1:10" x14ac:dyDescent="0.25">
      <c r="A2577" s="7"/>
      <c r="B2577"/>
      <c r="C2577" s="23" t="s">
        <v>2</v>
      </c>
      <c r="D2577" s="23" t="s">
        <v>2241</v>
      </c>
      <c r="E2577" s="1" t="str">
        <f t="shared" si="598"/>
        <v>http://www.sap.com/community/tag.html?id=01200615320800003001</v>
      </c>
      <c r="F2577" s="23" t="s">
        <v>4704</v>
      </c>
      <c r="G2577"/>
      <c r="H2577"/>
      <c r="I2577"/>
      <c r="J2577"/>
    </row>
    <row r="2578" spans="1:10" x14ac:dyDescent="0.25">
      <c r="A2578" s="7"/>
      <c r="B2578"/>
      <c r="C2578" s="23" t="s">
        <v>634</v>
      </c>
      <c r="D2578" s="23" t="s">
        <v>2241</v>
      </c>
      <c r="E2578" s="1" t="str">
        <f t="shared" si="598"/>
        <v>http://www.sap.com/community/tag.html?id=01200615320800000665</v>
      </c>
      <c r="F2578" s="23" t="s">
        <v>4705</v>
      </c>
      <c r="G2578"/>
      <c r="H2578"/>
      <c r="I2578"/>
      <c r="J2578"/>
    </row>
    <row r="2579" spans="1:10" x14ac:dyDescent="0.25">
      <c r="A2579" s="7"/>
      <c r="B2579"/>
      <c r="C2579" s="23" t="s">
        <v>155</v>
      </c>
      <c r="D2579" s="23" t="s">
        <v>2241</v>
      </c>
      <c r="E2579" s="1" t="str">
        <f t="shared" si="598"/>
        <v>http://www.sap.com/community/tag.html?id=01200245450800000012</v>
      </c>
      <c r="F2579" s="23" t="s">
        <v>4706</v>
      </c>
      <c r="G2579"/>
      <c r="H2579"/>
      <c r="I2579"/>
      <c r="J2579"/>
    </row>
    <row r="2580" spans="1:10" x14ac:dyDescent="0.25">
      <c r="A2580" s="7"/>
      <c r="B2580"/>
      <c r="C2580" s="23" t="s">
        <v>623</v>
      </c>
      <c r="D2580" s="23" t="s">
        <v>2241</v>
      </c>
      <c r="E2580" s="1" t="str">
        <f t="shared" si="598"/>
        <v>http://www.sap.com/community/tag.html?id=01200615320800000698</v>
      </c>
      <c r="F2580" s="23" t="s">
        <v>4707</v>
      </c>
      <c r="G2580"/>
      <c r="H2580"/>
      <c r="I2580"/>
      <c r="J2580"/>
    </row>
    <row r="2581" spans="1:10" x14ac:dyDescent="0.25">
      <c r="A2581" s="19"/>
      <c r="B2581"/>
      <c r="C2581" s="23" t="s">
        <v>1281</v>
      </c>
      <c r="D2581" s="23" t="s">
        <v>2241</v>
      </c>
      <c r="E2581" s="1" t="str">
        <f t="shared" si="598"/>
        <v>http://www.sap.com/community/tag.html?id=01200615320800000606</v>
      </c>
      <c r="F2581" s="23" t="s">
        <v>4708</v>
      </c>
      <c r="G2581"/>
      <c r="H2581"/>
      <c r="I2581"/>
      <c r="J2581"/>
    </row>
    <row r="2582" spans="1:10" x14ac:dyDescent="0.25">
      <c r="A2582" s="7"/>
      <c r="B2582"/>
      <c r="C2582" s="23" t="s">
        <v>742</v>
      </c>
      <c r="D2582" s="23" t="s">
        <v>2241</v>
      </c>
      <c r="E2582" s="1" t="str">
        <f t="shared" si="598"/>
        <v>http://www.sap.com/community/tag.html?id=01200615320800000697</v>
      </c>
      <c r="F2582" s="23" t="s">
        <v>4709</v>
      </c>
      <c r="G2582"/>
      <c r="H2582"/>
      <c r="I2582"/>
      <c r="J2582"/>
    </row>
    <row r="2583" spans="1:10" x14ac:dyDescent="0.25">
      <c r="A2583" s="7"/>
      <c r="B2583"/>
      <c r="C2583" s="23" t="s">
        <v>1297</v>
      </c>
      <c r="D2583" s="23" t="s">
        <v>2241</v>
      </c>
      <c r="E2583" s="1" t="str">
        <f t="shared" si="598"/>
        <v>http://www.sap.com/community/tag.html?id=01200615320800000654</v>
      </c>
      <c r="F2583" s="23" t="s">
        <v>4710</v>
      </c>
      <c r="G2583"/>
      <c r="H2583"/>
      <c r="I2583"/>
      <c r="J2583"/>
    </row>
    <row r="2584" spans="1:10" x14ac:dyDescent="0.25">
      <c r="A2584" s="7"/>
      <c r="B2584"/>
      <c r="C2584" s="23" t="s">
        <v>561</v>
      </c>
      <c r="D2584" s="23" t="s">
        <v>2241</v>
      </c>
      <c r="E2584" s="1" t="str">
        <f t="shared" si="598"/>
        <v>http://www.sap.com/community/tag.html?id=67838200100800004189</v>
      </c>
      <c r="F2584" s="23" t="s">
        <v>4711</v>
      </c>
      <c r="G2584"/>
      <c r="H2584"/>
      <c r="I2584"/>
      <c r="J2584"/>
    </row>
    <row r="2585" spans="1:10" x14ac:dyDescent="0.25">
      <c r="A2585" s="7"/>
      <c r="B2585"/>
      <c r="C2585" s="23" t="s">
        <v>1388</v>
      </c>
      <c r="D2585" s="23" t="s">
        <v>2241</v>
      </c>
      <c r="E2585" s="1" t="str">
        <f t="shared" si="598"/>
        <v>http://www.sap.com/community/tag.html?id=01200615320800000668</v>
      </c>
      <c r="F2585" s="23" t="s">
        <v>4712</v>
      </c>
      <c r="G2585"/>
      <c r="H2585"/>
      <c r="I2585"/>
      <c r="J2585"/>
    </row>
    <row r="2586" spans="1:10" x14ac:dyDescent="0.25">
      <c r="A2586" s="7"/>
      <c r="B2586"/>
      <c r="C2586" s="23" t="s">
        <v>740</v>
      </c>
      <c r="D2586" s="23" t="s">
        <v>2241</v>
      </c>
      <c r="E2586" s="1" t="str">
        <f t="shared" si="598"/>
        <v>http://www.sap.com/community/tag.html?id=01200615320800000412</v>
      </c>
      <c r="F2586" s="23" t="s">
        <v>4713</v>
      </c>
      <c r="G2586"/>
      <c r="H2586"/>
      <c r="I2586"/>
      <c r="J2586"/>
    </row>
    <row r="2587" spans="1:10" x14ac:dyDescent="0.25">
      <c r="A2587" s="7"/>
      <c r="B2587"/>
      <c r="C2587" s="23" t="s">
        <v>110</v>
      </c>
      <c r="D2587" s="23" t="s">
        <v>2241</v>
      </c>
      <c r="E2587" s="1" t="str">
        <f t="shared" si="598"/>
        <v>http://www.sap.com/community/tag.html?id=01200615320800002786</v>
      </c>
      <c r="F2587" s="23" t="s">
        <v>4714</v>
      </c>
      <c r="G2587"/>
      <c r="H2587"/>
      <c r="I2587"/>
      <c r="J2587"/>
    </row>
    <row r="2588" spans="1:10" x14ac:dyDescent="0.25">
      <c r="A2588" s="7"/>
      <c r="B2588"/>
      <c r="C2588" s="23" t="s">
        <v>1917</v>
      </c>
      <c r="D2588" s="23" t="s">
        <v>2241</v>
      </c>
      <c r="E2588" s="1" t="str">
        <f t="shared" si="598"/>
        <v>http://www.sap.com/community/tag.html?id=01200615320800000482</v>
      </c>
      <c r="F2588" s="23" t="s">
        <v>4715</v>
      </c>
      <c r="G2588"/>
      <c r="H2588"/>
      <c r="I2588"/>
      <c r="J2588"/>
    </row>
    <row r="2589" spans="1:10" x14ac:dyDescent="0.25">
      <c r="A2589" s="7"/>
      <c r="B2589"/>
      <c r="C2589" s="23" t="s">
        <v>520</v>
      </c>
      <c r="D2589" s="23" t="s">
        <v>2241</v>
      </c>
      <c r="E2589" s="1" t="str">
        <f t="shared" si="598"/>
        <v>http://www.sap.com/community/tag.html?id=01200615320800003185</v>
      </c>
      <c r="F2589" s="23" t="s">
        <v>4716</v>
      </c>
      <c r="G2589"/>
      <c r="H2589"/>
      <c r="I2589"/>
      <c r="J2589"/>
    </row>
    <row r="2590" spans="1:10" x14ac:dyDescent="0.25">
      <c r="A2590" s="7"/>
      <c r="B2590"/>
      <c r="C2590" s="23" t="s">
        <v>497</v>
      </c>
      <c r="D2590" s="23" t="s">
        <v>2241</v>
      </c>
      <c r="E2590" s="1" t="str">
        <f t="shared" si="598"/>
        <v>http://www.sap.com/community/tag.html?id=67838200100800005714</v>
      </c>
      <c r="F2590" s="23" t="s">
        <v>4717</v>
      </c>
      <c r="G2590"/>
      <c r="H2590"/>
      <c r="I2590"/>
      <c r="J2590"/>
    </row>
    <row r="2591" spans="1:10" x14ac:dyDescent="0.25">
      <c r="A2591" s="7"/>
      <c r="B2591"/>
      <c r="C2591" s="23" t="s">
        <v>1947</v>
      </c>
      <c r="D2591" s="23" t="s">
        <v>2241</v>
      </c>
      <c r="E2591" s="1" t="str">
        <f t="shared" si="598"/>
        <v>http://www.sap.com/community/tag.html?id=01200615320800000721</v>
      </c>
      <c r="F2591" s="23" t="s">
        <v>4718</v>
      </c>
      <c r="G2591"/>
      <c r="H2591"/>
      <c r="I2591"/>
      <c r="J2591"/>
    </row>
    <row r="2592" spans="1:10" x14ac:dyDescent="0.25">
      <c r="A2592" s="7"/>
      <c r="B2592"/>
      <c r="C2592" s="23" t="s">
        <v>438</v>
      </c>
      <c r="D2592" s="23" t="s">
        <v>2241</v>
      </c>
      <c r="E2592" s="1" t="str">
        <f t="shared" si="598"/>
        <v>http://www.sap.com/community/tag.html?id=01200314690800000134</v>
      </c>
      <c r="F2592" s="23" t="s">
        <v>4719</v>
      </c>
      <c r="G2592"/>
      <c r="H2592"/>
      <c r="I2592"/>
      <c r="J2592"/>
    </row>
    <row r="2593" spans="1:10" x14ac:dyDescent="0.25">
      <c r="A2593" s="7"/>
      <c r="B2593"/>
      <c r="C2593" s="23" t="s">
        <v>270</v>
      </c>
      <c r="D2593" s="23" t="s">
        <v>2241</v>
      </c>
      <c r="E2593" s="1" t="str">
        <f t="shared" si="598"/>
        <v>http://www.sap.com/community/tag.html?id=01200615320800002306</v>
      </c>
      <c r="F2593" s="23" t="s">
        <v>4720</v>
      </c>
      <c r="G2593"/>
      <c r="H2593"/>
      <c r="I2593"/>
      <c r="J2593"/>
    </row>
    <row r="2594" spans="1:10" x14ac:dyDescent="0.25">
      <c r="A2594" s="7"/>
      <c r="B2594"/>
      <c r="C2594" s="23" t="s">
        <v>1778</v>
      </c>
      <c r="D2594" s="23" t="s">
        <v>2241</v>
      </c>
      <c r="E2594" s="1" t="str">
        <f t="shared" si="598"/>
        <v>http://www.sap.com/community/tag.html?id=01200615320800000352</v>
      </c>
      <c r="F2594" s="23" t="s">
        <v>4721</v>
      </c>
      <c r="G2594"/>
      <c r="H2594"/>
      <c r="I2594"/>
      <c r="J2594"/>
    </row>
    <row r="2595" spans="1:10" x14ac:dyDescent="0.25">
      <c r="A2595" s="7"/>
      <c r="B2595" s="23"/>
      <c r="C2595" t="s">
        <v>1992</v>
      </c>
      <c r="D2595" s="23" t="s">
        <v>2241</v>
      </c>
      <c r="E2595" s="1" t="str">
        <f t="shared" si="598"/>
        <v>http://www.sap.com/community/tag.html?id=01200314690800000234</v>
      </c>
      <c r="F2595" s="23" t="s">
        <v>4722</v>
      </c>
      <c r="G2595"/>
      <c r="H2595"/>
      <c r="I2595"/>
      <c r="J2595"/>
    </row>
    <row r="2596" spans="1:10" x14ac:dyDescent="0.25">
      <c r="A2596" s="7"/>
      <c r="B2596"/>
      <c r="C2596" s="23" t="s">
        <v>1782</v>
      </c>
      <c r="D2596" s="23" t="s">
        <v>2241</v>
      </c>
      <c r="E2596" s="1" t="str">
        <f t="shared" si="598"/>
        <v>http://www.sap.com/community/tag.html?id=67838200100800005207</v>
      </c>
      <c r="F2596" s="23" t="s">
        <v>4723</v>
      </c>
      <c r="G2596"/>
      <c r="H2596"/>
      <c r="I2596"/>
      <c r="J2596"/>
    </row>
    <row r="2597" spans="1:10" x14ac:dyDescent="0.25">
      <c r="A2597" s="7"/>
      <c r="B2597" s="23"/>
      <c r="C2597" t="s">
        <v>5408</v>
      </c>
      <c r="D2597" s="23" t="s">
        <v>2241</v>
      </c>
      <c r="E2597" s="1" t="str">
        <f t="shared" si="598"/>
        <v>http://www.sap.com/community/tag.html?id=73555000100800000331</v>
      </c>
      <c r="F2597" s="23" t="s">
        <v>5370</v>
      </c>
      <c r="G2597"/>
      <c r="H2597"/>
      <c r="I2597"/>
      <c r="J2597"/>
    </row>
    <row r="2598" spans="1:10" x14ac:dyDescent="0.25">
      <c r="A2598" s="7"/>
      <c r="B2598"/>
      <c r="C2598" s="23" t="s">
        <v>1794</v>
      </c>
      <c r="D2598" s="23" t="s">
        <v>2241</v>
      </c>
      <c r="E2598" s="1" t="str">
        <f t="shared" si="598"/>
        <v>http://www.sap.com/community/tag.html?id=67837800100800007280</v>
      </c>
      <c r="F2598" s="23" t="s">
        <v>4724</v>
      </c>
      <c r="G2598"/>
      <c r="H2598"/>
      <c r="I2598"/>
      <c r="J2598"/>
    </row>
    <row r="2599" spans="1:10" x14ac:dyDescent="0.25">
      <c r="A2599" s="7"/>
      <c r="B2599" s="23"/>
      <c r="C2599" t="s">
        <v>2209</v>
      </c>
      <c r="D2599" s="23" t="s">
        <v>2241</v>
      </c>
      <c r="E2599" s="1" t="str">
        <f t="shared" si="598"/>
        <v>http://www.sap.com/community/tag.html?id=01200314690800000236</v>
      </c>
      <c r="F2599" s="23" t="s">
        <v>4725</v>
      </c>
      <c r="G2599"/>
      <c r="H2599"/>
      <c r="I2599"/>
      <c r="J2599"/>
    </row>
    <row r="2600" spans="1:10" x14ac:dyDescent="0.25">
      <c r="A2600" s="7"/>
      <c r="B2600"/>
      <c r="C2600" s="23" t="s">
        <v>1930</v>
      </c>
      <c r="D2600" s="23" t="s">
        <v>2241</v>
      </c>
      <c r="E2600" s="1" t="str">
        <f t="shared" si="598"/>
        <v>http://www.sap.com/community/tag.html?id=01200314690800000221</v>
      </c>
      <c r="F2600" s="23" t="s">
        <v>4726</v>
      </c>
      <c r="G2600"/>
      <c r="H2600"/>
      <c r="I2600"/>
      <c r="J2600"/>
    </row>
    <row r="2601" spans="1:10" x14ac:dyDescent="0.25">
      <c r="A2601" s="7"/>
      <c r="B2601" s="23"/>
      <c r="C2601" t="s">
        <v>5409</v>
      </c>
      <c r="D2601" s="23" t="s">
        <v>2241</v>
      </c>
      <c r="E2601" s="1" t="str">
        <f t="shared" si="598"/>
        <v>http://www.sap.com/community/tag.html?id=73554900100800000376</v>
      </c>
      <c r="F2601" s="23" t="s">
        <v>5371</v>
      </c>
      <c r="G2601"/>
      <c r="H2601"/>
      <c r="I2601"/>
      <c r="J2601"/>
    </row>
    <row r="2602" spans="1:10" x14ac:dyDescent="0.25">
      <c r="A2602" s="7"/>
      <c r="B2602"/>
      <c r="C2602" s="23" t="s">
        <v>2134</v>
      </c>
      <c r="D2602" s="23" t="s">
        <v>2241</v>
      </c>
      <c r="E2602" s="1" t="str">
        <f t="shared" si="598"/>
        <v>http://www.sap.com/community/tag.html?id=01200314690800002059</v>
      </c>
      <c r="F2602" s="23" t="s">
        <v>4727</v>
      </c>
      <c r="G2602"/>
      <c r="H2602"/>
      <c r="I2602"/>
      <c r="J2602"/>
    </row>
    <row r="2603" spans="1:10" x14ac:dyDescent="0.25">
      <c r="A2603" s="7"/>
      <c r="B2603"/>
      <c r="C2603" s="23" t="s">
        <v>1482</v>
      </c>
      <c r="D2603" s="23" t="s">
        <v>2241</v>
      </c>
      <c r="E2603" s="1" t="str">
        <f t="shared" si="598"/>
        <v>http://www.sap.com/community/tag.html?id=01200615320800000588</v>
      </c>
      <c r="F2603" s="23" t="s">
        <v>4728</v>
      </c>
      <c r="G2603"/>
      <c r="H2603"/>
      <c r="I2603"/>
      <c r="J2603"/>
    </row>
    <row r="2604" spans="1:10" x14ac:dyDescent="0.25">
      <c r="A2604" s="7"/>
      <c r="B2604"/>
      <c r="C2604" s="23" t="s">
        <v>696</v>
      </c>
      <c r="D2604" s="23" t="s">
        <v>2241</v>
      </c>
      <c r="E2604" s="1" t="str">
        <f t="shared" si="598"/>
        <v>http://www.sap.com/community/tag.html?id=01200615320800001806</v>
      </c>
      <c r="F2604" s="23" t="s">
        <v>4729</v>
      </c>
      <c r="G2604"/>
      <c r="H2604"/>
      <c r="I2604"/>
      <c r="J2604"/>
    </row>
    <row r="2605" spans="1:10" x14ac:dyDescent="0.25">
      <c r="A2605" s="7"/>
      <c r="B2605" s="23"/>
      <c r="C2605" t="s">
        <v>293</v>
      </c>
      <c r="D2605" s="23" t="s">
        <v>2241</v>
      </c>
      <c r="E2605" s="1" t="str">
        <f t="shared" si="598"/>
        <v>http://www.sap.com/community/tag.html?id=01200314690800000448</v>
      </c>
      <c r="F2605" s="23" t="s">
        <v>4730</v>
      </c>
      <c r="G2605"/>
      <c r="H2605"/>
      <c r="I2605"/>
      <c r="J2605"/>
    </row>
    <row r="2606" spans="1:10" x14ac:dyDescent="0.25">
      <c r="A2606" s="7"/>
      <c r="B2606"/>
      <c r="C2606" s="23" t="s">
        <v>1300</v>
      </c>
      <c r="D2606" s="23" t="s">
        <v>2241</v>
      </c>
      <c r="E2606" s="1" t="str">
        <f t="shared" si="598"/>
        <v>http://www.sap.com/community/tag.html?id=01200615320800000716</v>
      </c>
      <c r="F2606" s="23" t="s">
        <v>4731</v>
      </c>
      <c r="G2606"/>
      <c r="H2606"/>
      <c r="I2606"/>
      <c r="J2606"/>
    </row>
    <row r="2607" spans="1:10" x14ac:dyDescent="0.25">
      <c r="A2607" s="7"/>
      <c r="B2607"/>
      <c r="C2607" s="23" t="s">
        <v>1739</v>
      </c>
      <c r="D2607" s="23" t="s">
        <v>2241</v>
      </c>
      <c r="E2607" s="1" t="str">
        <f t="shared" si="598"/>
        <v>http://www.sap.com/community/tag.html?id=01200615320800001376</v>
      </c>
      <c r="F2607" s="23" t="s">
        <v>4732</v>
      </c>
      <c r="G2607"/>
      <c r="H2607"/>
      <c r="I2607"/>
      <c r="J2607"/>
    </row>
    <row r="2608" spans="1:10" x14ac:dyDescent="0.25">
      <c r="A2608" s="7"/>
      <c r="B2608" s="23"/>
      <c r="C2608" t="s">
        <v>965</v>
      </c>
      <c r="D2608" s="23" t="s">
        <v>2241</v>
      </c>
      <c r="E2608" s="1" t="str">
        <f t="shared" si="598"/>
        <v>http://www.sap.com/community/tag.html?id=01200615320800000916</v>
      </c>
      <c r="F2608" s="23" t="s">
        <v>4733</v>
      </c>
      <c r="G2608"/>
      <c r="H2608"/>
      <c r="I2608"/>
      <c r="J2608"/>
    </row>
    <row r="2609" spans="1:10" x14ac:dyDescent="0.25">
      <c r="A2609" s="7"/>
      <c r="B2609"/>
      <c r="C2609" s="23" t="s">
        <v>902</v>
      </c>
      <c r="D2609" s="23" t="s">
        <v>2241</v>
      </c>
      <c r="E2609" s="1" t="str">
        <f t="shared" si="598"/>
        <v>http://www.sap.com/community/tag.html?id=01200615320800000719</v>
      </c>
      <c r="F2609" s="23" t="s">
        <v>4734</v>
      </c>
      <c r="G2609"/>
      <c r="H2609"/>
      <c r="I2609"/>
      <c r="J2609"/>
    </row>
    <row r="2610" spans="1:10" x14ac:dyDescent="0.25">
      <c r="A2610" s="7"/>
      <c r="B2610" s="23"/>
      <c r="C2610" t="s">
        <v>308</v>
      </c>
      <c r="D2610" s="23" t="s">
        <v>2241</v>
      </c>
      <c r="E2610" s="1" t="str">
        <f t="shared" si="598"/>
        <v>http://www.sap.com/community/tag.html?id=67837800100800004898</v>
      </c>
      <c r="F2610" s="23" t="s">
        <v>4735</v>
      </c>
      <c r="G2610"/>
      <c r="H2610"/>
      <c r="I2610"/>
      <c r="J2610"/>
    </row>
    <row r="2611" spans="1:10" x14ac:dyDescent="0.25">
      <c r="A2611" s="7"/>
      <c r="B2611"/>
      <c r="C2611" s="23" t="s">
        <v>1384</v>
      </c>
      <c r="D2611" s="23" t="s">
        <v>2241</v>
      </c>
      <c r="E2611" s="1" t="str">
        <f t="shared" si="598"/>
        <v>http://www.sap.com/community/tag.html?id=67838200100800006519</v>
      </c>
      <c r="F2611" s="23" t="s">
        <v>4736</v>
      </c>
      <c r="G2611"/>
      <c r="H2611"/>
      <c r="I2611"/>
      <c r="J2611"/>
    </row>
    <row r="2612" spans="1:10" x14ac:dyDescent="0.25">
      <c r="A2612" s="7"/>
      <c r="B2612" s="23"/>
      <c r="C2612" t="s">
        <v>1676</v>
      </c>
      <c r="D2612" s="23" t="s">
        <v>2241</v>
      </c>
      <c r="E2612" s="1" t="str">
        <f t="shared" si="598"/>
        <v>http://www.sap.com/community/tag.html?id=67837800100800004900</v>
      </c>
      <c r="F2612" s="23" t="s">
        <v>4737</v>
      </c>
      <c r="G2612"/>
      <c r="H2612"/>
      <c r="I2612"/>
      <c r="J2612"/>
    </row>
    <row r="2613" spans="1:10" x14ac:dyDescent="0.25">
      <c r="A2613" s="7"/>
      <c r="B2613"/>
      <c r="C2613" s="23" t="s">
        <v>2038</v>
      </c>
      <c r="D2613" s="23" t="s">
        <v>2241</v>
      </c>
      <c r="E2613" s="1" t="str">
        <f t="shared" si="598"/>
        <v>http://www.sap.com/community/tag.html?id=73555000100800000267</v>
      </c>
      <c r="F2613" s="23" t="s">
        <v>4738</v>
      </c>
      <c r="G2613"/>
      <c r="H2613"/>
      <c r="I2613"/>
      <c r="J2613"/>
    </row>
    <row r="2614" spans="1:10" x14ac:dyDescent="0.25">
      <c r="A2614" s="7"/>
      <c r="B2614" s="23"/>
      <c r="C2614" t="s">
        <v>14</v>
      </c>
      <c r="D2614" s="23" t="s">
        <v>2241</v>
      </c>
      <c r="E2614" s="1" t="str">
        <f t="shared" si="598"/>
        <v>http://www.sap.com/community/tag.html?id=01200615320800002951</v>
      </c>
      <c r="F2614" s="23" t="s">
        <v>4739</v>
      </c>
      <c r="G2614"/>
      <c r="H2614"/>
      <c r="I2614"/>
      <c r="J2614"/>
    </row>
    <row r="2615" spans="1:10" x14ac:dyDescent="0.25">
      <c r="A2615" s="7"/>
      <c r="B2615"/>
      <c r="C2615" s="23" t="s">
        <v>653</v>
      </c>
      <c r="D2615" s="23" t="s">
        <v>2241</v>
      </c>
      <c r="E2615" s="1" t="str">
        <f t="shared" si="598"/>
        <v>http://www.sap.com/community/tag.html?id=01200314690800003177</v>
      </c>
      <c r="F2615" s="23" t="s">
        <v>4740</v>
      </c>
      <c r="G2615"/>
      <c r="H2615"/>
      <c r="I2615"/>
      <c r="J2615"/>
    </row>
    <row r="2616" spans="1:10" x14ac:dyDescent="0.25">
      <c r="A2616" s="7"/>
      <c r="B2616"/>
      <c r="C2616" s="23" t="s">
        <v>1544</v>
      </c>
      <c r="D2616" s="23" t="s">
        <v>2241</v>
      </c>
      <c r="E2616" s="1" t="str">
        <f t="shared" si="598"/>
        <v>http://www.sap.com/community/tag.html?id=73554900100800000227</v>
      </c>
      <c r="F2616" s="23" t="s">
        <v>4741</v>
      </c>
      <c r="G2616"/>
      <c r="H2616"/>
      <c r="I2616"/>
      <c r="J2616"/>
    </row>
    <row r="2617" spans="1:10" x14ac:dyDescent="0.25">
      <c r="A2617" s="7"/>
      <c r="B2617" t="s">
        <v>347</v>
      </c>
      <c r="C2617" s="23"/>
      <c r="D2617" s="7" t="s">
        <v>5032</v>
      </c>
      <c r="E2617" s="1"/>
      <c r="F2617" s="23" t="s">
        <v>4742</v>
      </c>
      <c r="G2617"/>
      <c r="H2617"/>
      <c r="I2617"/>
      <c r="J2617"/>
    </row>
    <row r="2618" spans="1:10" x14ac:dyDescent="0.25">
      <c r="A2618" s="7"/>
      <c r="B2618"/>
      <c r="C2618" s="23" t="s">
        <v>347</v>
      </c>
      <c r="D2618" s="23" t="s">
        <v>2241</v>
      </c>
      <c r="E2618" s="1" t="str">
        <f t="shared" ref="E2618" si="599" xml:space="preserve"> HYPERLINK(CONCATENATE("http://www.sap.com/community/tag.html?id=",$F2618))</f>
        <v>http://www.sap.com/community/tag.html?id=67838200100800004736</v>
      </c>
      <c r="F2618" s="23" t="s">
        <v>4743</v>
      </c>
      <c r="G2618"/>
      <c r="H2618"/>
      <c r="I2618"/>
      <c r="J2618"/>
    </row>
    <row r="2619" spans="1:10" x14ac:dyDescent="0.25">
      <c r="A2619" s="7"/>
      <c r="B2619" t="s">
        <v>706</v>
      </c>
      <c r="C2619" s="23"/>
      <c r="D2619" s="7" t="s">
        <v>5032</v>
      </c>
      <c r="E2619" s="1"/>
      <c r="F2619" s="23" t="s">
        <v>4744</v>
      </c>
      <c r="G2619"/>
      <c r="H2619"/>
      <c r="I2619"/>
      <c r="J2619"/>
    </row>
    <row r="2620" spans="1:10" x14ac:dyDescent="0.25">
      <c r="A2620" s="7"/>
      <c r="B2620"/>
      <c r="C2620" s="23" t="s">
        <v>706</v>
      </c>
      <c r="D2620" s="23" t="s">
        <v>2241</v>
      </c>
      <c r="E2620" s="1" t="str">
        <f t="shared" ref="E2620" si="600" xml:space="preserve"> HYPERLINK(CONCATENATE("http://www.sap.com/community/tag.html?id=",$F2620))</f>
        <v>http://www.sap.com/community/tag.html?id=67837800100800006750</v>
      </c>
      <c r="F2620" s="23" t="s">
        <v>4745</v>
      </c>
      <c r="G2620"/>
      <c r="H2620"/>
      <c r="I2620"/>
      <c r="J2620"/>
    </row>
    <row r="2621" spans="1:10" x14ac:dyDescent="0.25">
      <c r="A2621" s="7"/>
      <c r="B2621" t="s">
        <v>833</v>
      </c>
      <c r="C2621" s="23"/>
      <c r="D2621" s="7" t="s">
        <v>5032</v>
      </c>
      <c r="E2621" s="1"/>
      <c r="F2621" s="23" t="s">
        <v>4746</v>
      </c>
      <c r="G2621"/>
      <c r="H2621"/>
      <c r="I2621"/>
      <c r="J2621"/>
    </row>
    <row r="2622" spans="1:10" x14ac:dyDescent="0.25">
      <c r="A2622" s="7"/>
      <c r="B2622"/>
      <c r="C2622" s="23" t="s">
        <v>833</v>
      </c>
      <c r="D2622" s="23" t="s">
        <v>2241</v>
      </c>
      <c r="E2622" s="1" t="str">
        <f t="shared" ref="E2622" si="601" xml:space="preserve"> HYPERLINK(CONCATENATE("http://www.sap.com/community/tag.html?id=",$F2622))</f>
        <v>http://www.sap.com/community/tag.html?id=01200615320800000729</v>
      </c>
      <c r="F2622" s="23" t="s">
        <v>4747</v>
      </c>
      <c r="G2622"/>
      <c r="H2622"/>
      <c r="I2622"/>
      <c r="J2622"/>
    </row>
    <row r="2623" spans="1:10" x14ac:dyDescent="0.25">
      <c r="A2623" s="7"/>
      <c r="B2623" t="s">
        <v>1534</v>
      </c>
      <c r="C2623" s="23"/>
      <c r="D2623" s="7" t="s">
        <v>5032</v>
      </c>
      <c r="E2623" s="1"/>
      <c r="F2623" s="23" t="s">
        <v>4748</v>
      </c>
      <c r="G2623"/>
      <c r="H2623"/>
      <c r="I2623"/>
      <c r="J2623"/>
    </row>
    <row r="2624" spans="1:10" x14ac:dyDescent="0.25">
      <c r="A2624" s="7"/>
      <c r="B2624"/>
      <c r="C2624" s="23" t="s">
        <v>1659</v>
      </c>
      <c r="D2624" s="23" t="s">
        <v>2241</v>
      </c>
      <c r="E2624" s="1" t="str">
        <f t="shared" ref="E2624:E2626" si="602" xml:space="preserve"> HYPERLINK(CONCATENATE("http://www.sap.com/community/tag.html?id=",$F2624))</f>
        <v>http://www.sap.com/community/tag.html?id=01200314690800000208</v>
      </c>
      <c r="F2624" s="23" t="s">
        <v>4750</v>
      </c>
      <c r="G2624"/>
      <c r="H2624"/>
      <c r="I2624"/>
      <c r="J2624"/>
    </row>
    <row r="2625" spans="1:10" x14ac:dyDescent="0.25">
      <c r="A2625" s="7"/>
      <c r="B2625"/>
      <c r="C2625" s="23" t="s">
        <v>1968</v>
      </c>
      <c r="D2625" s="23" t="s">
        <v>2241</v>
      </c>
      <c r="E2625" s="1" t="str">
        <f t="shared" si="602"/>
        <v>http://www.sap.com/community/tag.html?id=01200314690800001436</v>
      </c>
      <c r="F2625" s="23" t="s">
        <v>4751</v>
      </c>
      <c r="G2625"/>
      <c r="H2625"/>
      <c r="I2625"/>
      <c r="J2625"/>
    </row>
    <row r="2626" spans="1:10" x14ac:dyDescent="0.25">
      <c r="A2626" s="7"/>
      <c r="B2626"/>
      <c r="C2626" s="23" t="s">
        <v>5410</v>
      </c>
      <c r="D2626" s="23" t="s">
        <v>2241</v>
      </c>
      <c r="E2626" s="1" t="str">
        <f t="shared" si="602"/>
        <v>http://www.sap.com/community/tag.html?id=67837800100800004435</v>
      </c>
      <c r="F2626" s="23" t="s">
        <v>4749</v>
      </c>
      <c r="G2626"/>
      <c r="H2626"/>
      <c r="I2626"/>
      <c r="J2626"/>
    </row>
    <row r="2627" spans="1:10" x14ac:dyDescent="0.25">
      <c r="A2627" s="7"/>
      <c r="B2627" t="s">
        <v>1321</v>
      </c>
      <c r="C2627" s="23"/>
      <c r="D2627" s="7" t="s">
        <v>5032</v>
      </c>
      <c r="E2627" s="1"/>
      <c r="F2627" s="23" t="s">
        <v>4752</v>
      </c>
      <c r="G2627"/>
      <c r="H2627"/>
      <c r="I2627"/>
      <c r="J2627"/>
    </row>
    <row r="2628" spans="1:10" x14ac:dyDescent="0.25">
      <c r="A2628" s="7"/>
      <c r="B2628"/>
      <c r="C2628" s="23" t="s">
        <v>1321</v>
      </c>
      <c r="D2628" s="23" t="s">
        <v>2241</v>
      </c>
      <c r="E2628" s="1" t="str">
        <f t="shared" ref="E2628:E2629" si="603" xml:space="preserve"> HYPERLINK(CONCATENATE("http://www.sap.com/community/tag.html?id=",$F2628))</f>
        <v>http://www.sap.com/community/tag.html?id=67837800100800005217</v>
      </c>
      <c r="F2628" s="23" t="s">
        <v>4753</v>
      </c>
      <c r="G2628"/>
      <c r="H2628"/>
      <c r="I2628"/>
      <c r="J2628"/>
    </row>
    <row r="2629" spans="1:10" x14ac:dyDescent="0.25">
      <c r="A2629" s="7"/>
      <c r="B2629"/>
      <c r="C2629" s="23" t="s">
        <v>260</v>
      </c>
      <c r="D2629" s="23" t="s">
        <v>2241</v>
      </c>
      <c r="E2629" s="1" t="str">
        <f t="shared" si="603"/>
        <v>http://www.sap.com/community/tag.html?id=67838200100800006480</v>
      </c>
      <c r="F2629" s="23" t="s">
        <v>4754</v>
      </c>
      <c r="G2629"/>
      <c r="H2629"/>
      <c r="I2629"/>
      <c r="J2629"/>
    </row>
    <row r="2630" spans="1:10" x14ac:dyDescent="0.25">
      <c r="A2630" s="7"/>
      <c r="B2630" t="s">
        <v>1270</v>
      </c>
      <c r="C2630" s="23"/>
      <c r="D2630" s="7" t="s">
        <v>5032</v>
      </c>
      <c r="E2630" s="1"/>
      <c r="F2630" s="23" t="s">
        <v>4755</v>
      </c>
      <c r="G2630"/>
      <c r="H2630"/>
      <c r="I2630"/>
      <c r="J2630"/>
    </row>
    <row r="2631" spans="1:10" x14ac:dyDescent="0.25">
      <c r="A2631" s="7"/>
      <c r="B2631"/>
      <c r="C2631" s="23" t="s">
        <v>1270</v>
      </c>
      <c r="D2631" s="23" t="s">
        <v>2241</v>
      </c>
      <c r="E2631" s="1" t="str">
        <f t="shared" ref="E2631" si="604" xml:space="preserve"> HYPERLINK(CONCATENATE("http://www.sap.com/community/tag.html?id=",$F2631))</f>
        <v>http://www.sap.com/community/tag.html?id=67838200100800005412</v>
      </c>
      <c r="F2631" s="23" t="s">
        <v>4756</v>
      </c>
      <c r="G2631"/>
      <c r="H2631"/>
      <c r="I2631"/>
      <c r="J2631"/>
    </row>
    <row r="2632" spans="1:10" x14ac:dyDescent="0.25">
      <c r="A2632" s="7"/>
      <c r="B2632" t="s">
        <v>1587</v>
      </c>
      <c r="C2632" s="23"/>
      <c r="D2632" s="7" t="s">
        <v>5032</v>
      </c>
      <c r="E2632" s="1"/>
      <c r="F2632" s="23" t="s">
        <v>4757</v>
      </c>
      <c r="G2632"/>
      <c r="H2632"/>
      <c r="I2632"/>
      <c r="J2632"/>
    </row>
    <row r="2633" spans="1:10" x14ac:dyDescent="0.25">
      <c r="A2633" s="7"/>
      <c r="B2633"/>
      <c r="C2633" s="23" t="s">
        <v>1587</v>
      </c>
      <c r="D2633" s="23" t="s">
        <v>2241</v>
      </c>
      <c r="E2633" s="1" t="str">
        <f t="shared" ref="E2633" si="605" xml:space="preserve"> HYPERLINK(CONCATENATE("http://www.sap.com/community/tag.html?id=",$F2633))</f>
        <v>http://www.sap.com/community/tag.html?id=67838200100800006200</v>
      </c>
      <c r="F2633" s="23" t="s">
        <v>4758</v>
      </c>
      <c r="G2633"/>
      <c r="H2633"/>
      <c r="I2633"/>
      <c r="J2633"/>
    </row>
    <row r="2634" spans="1:10" x14ac:dyDescent="0.25">
      <c r="A2634" s="7"/>
      <c r="B2634" t="s">
        <v>1501</v>
      </c>
      <c r="C2634" s="23"/>
      <c r="D2634" s="7" t="s">
        <v>5032</v>
      </c>
      <c r="E2634" s="1"/>
      <c r="F2634" s="23" t="s">
        <v>4759</v>
      </c>
      <c r="G2634"/>
      <c r="H2634"/>
      <c r="I2634"/>
      <c r="J2634"/>
    </row>
    <row r="2635" spans="1:10" x14ac:dyDescent="0.25">
      <c r="A2635" s="7"/>
      <c r="B2635"/>
      <c r="C2635" s="23" t="s">
        <v>1501</v>
      </c>
      <c r="D2635" s="23" t="s">
        <v>2241</v>
      </c>
      <c r="E2635" s="1" t="str">
        <f t="shared" ref="E2635" si="606" xml:space="preserve"> HYPERLINK(CONCATENATE("http://www.sap.com/community/tag.html?id=",$F2635))</f>
        <v>http://www.sap.com/community/tag.html?id=01200314690800002377</v>
      </c>
      <c r="F2635" s="23" t="s">
        <v>4760</v>
      </c>
      <c r="G2635"/>
      <c r="H2635"/>
      <c r="I2635"/>
      <c r="J2635"/>
    </row>
    <row r="2636" spans="1:10" x14ac:dyDescent="0.25">
      <c r="A2636" s="7"/>
      <c r="B2636" t="s">
        <v>1504</v>
      </c>
      <c r="C2636" s="23"/>
      <c r="D2636" s="7" t="s">
        <v>5032</v>
      </c>
      <c r="E2636" s="1"/>
      <c r="F2636" s="23" t="s">
        <v>4761</v>
      </c>
      <c r="G2636"/>
      <c r="H2636"/>
      <c r="I2636"/>
      <c r="J2636"/>
    </row>
    <row r="2637" spans="1:10" x14ac:dyDescent="0.25">
      <c r="A2637" s="7"/>
      <c r="B2637"/>
      <c r="C2637" s="23" t="s">
        <v>568</v>
      </c>
      <c r="D2637" s="23" t="s">
        <v>2241</v>
      </c>
      <c r="E2637" s="1" t="str">
        <f t="shared" ref="E2637:E2664" si="607" xml:space="preserve"> HYPERLINK(CONCATENATE("http://www.sap.com/community/tag.html?id=",$F2637))</f>
        <v>http://www.sap.com/community/tag.html?id=73555000100800000164</v>
      </c>
      <c r="F2637" s="23" t="s">
        <v>4762</v>
      </c>
      <c r="G2637"/>
      <c r="H2637"/>
      <c r="I2637"/>
      <c r="J2637"/>
    </row>
    <row r="2638" spans="1:10" x14ac:dyDescent="0.25">
      <c r="A2638" s="7"/>
      <c r="B2638"/>
      <c r="C2638" s="23" t="s">
        <v>1504</v>
      </c>
      <c r="D2638" s="23" t="s">
        <v>2241</v>
      </c>
      <c r="E2638" s="1" t="str">
        <f t="shared" si="607"/>
        <v>http://www.sap.com/community/tag.html?id=73554900100800000171</v>
      </c>
      <c r="F2638" s="23" t="s">
        <v>4763</v>
      </c>
      <c r="G2638"/>
      <c r="H2638"/>
      <c r="I2638"/>
      <c r="J2638"/>
    </row>
    <row r="2639" spans="1:10" x14ac:dyDescent="0.25">
      <c r="A2639" s="7"/>
      <c r="B2639"/>
      <c r="C2639" s="23" t="s">
        <v>1755</v>
      </c>
      <c r="D2639" s="23" t="s">
        <v>2241</v>
      </c>
      <c r="E2639" s="1" t="str">
        <f t="shared" si="607"/>
        <v>http://www.sap.com/community/tag.html?id=67838200100800006681</v>
      </c>
      <c r="F2639" s="23" t="s">
        <v>4764</v>
      </c>
      <c r="G2639"/>
      <c r="H2639"/>
      <c r="I2639"/>
      <c r="J2639"/>
    </row>
    <row r="2640" spans="1:10" x14ac:dyDescent="0.25">
      <c r="A2640" s="7"/>
      <c r="B2640"/>
      <c r="C2640" s="23" t="s">
        <v>579</v>
      </c>
      <c r="D2640" s="23" t="s">
        <v>2241</v>
      </c>
      <c r="E2640" s="1" t="str">
        <f t="shared" si="607"/>
        <v>http://www.sap.com/community/tag.html?id=67838200100800006352</v>
      </c>
      <c r="F2640" s="23" t="s">
        <v>4765</v>
      </c>
      <c r="G2640"/>
      <c r="H2640"/>
      <c r="I2640"/>
      <c r="J2640"/>
    </row>
    <row r="2641" spans="1:10" x14ac:dyDescent="0.25">
      <c r="A2641" s="7"/>
      <c r="B2641"/>
      <c r="C2641" s="23" t="s">
        <v>1572</v>
      </c>
      <c r="D2641" s="23" t="s">
        <v>2241</v>
      </c>
      <c r="E2641" s="1" t="str">
        <f t="shared" si="607"/>
        <v>http://www.sap.com/community/tag.html?id=67837800100800007341</v>
      </c>
      <c r="F2641" s="23" t="s">
        <v>4766</v>
      </c>
      <c r="G2641"/>
      <c r="H2641"/>
      <c r="I2641"/>
      <c r="J2641"/>
    </row>
    <row r="2642" spans="1:10" x14ac:dyDescent="0.25">
      <c r="A2642" s="7"/>
      <c r="B2642"/>
      <c r="C2642" s="23" t="s">
        <v>1389</v>
      </c>
      <c r="D2642" s="23" t="s">
        <v>2241</v>
      </c>
      <c r="E2642" s="1" t="str">
        <f t="shared" si="607"/>
        <v>http://www.sap.com/community/tag.html?id=67838200100800006350</v>
      </c>
      <c r="F2642" s="23" t="s">
        <v>4767</v>
      </c>
      <c r="G2642"/>
      <c r="H2642"/>
      <c r="I2642"/>
      <c r="J2642"/>
    </row>
    <row r="2643" spans="1:10" x14ac:dyDescent="0.25">
      <c r="A2643" s="7"/>
      <c r="B2643" s="23"/>
      <c r="C2643" t="s">
        <v>2168</v>
      </c>
      <c r="D2643" s="23" t="s">
        <v>2241</v>
      </c>
      <c r="E2643" s="1" t="str">
        <f t="shared" si="607"/>
        <v>http://www.sap.com/community/tag.html?id=73554900100800000172</v>
      </c>
      <c r="F2643" s="23" t="s">
        <v>4768</v>
      </c>
      <c r="G2643"/>
      <c r="H2643"/>
      <c r="I2643"/>
      <c r="J2643"/>
    </row>
    <row r="2644" spans="1:10" x14ac:dyDescent="0.25">
      <c r="A2644" s="7"/>
      <c r="B2644"/>
      <c r="C2644" s="23" t="s">
        <v>1894</v>
      </c>
      <c r="D2644" s="23" t="s">
        <v>2241</v>
      </c>
      <c r="E2644" s="1" t="str">
        <f t="shared" si="607"/>
        <v>http://www.sap.com/community/tag.html?id=67838200100800006840</v>
      </c>
      <c r="F2644" s="23" t="s">
        <v>4769</v>
      </c>
      <c r="G2644"/>
      <c r="H2644"/>
      <c r="I2644"/>
      <c r="J2644"/>
    </row>
    <row r="2645" spans="1:10" x14ac:dyDescent="0.25">
      <c r="A2645" s="7"/>
      <c r="B2645"/>
      <c r="C2645" s="23" t="s">
        <v>790</v>
      </c>
      <c r="D2645" s="23" t="s">
        <v>2241</v>
      </c>
      <c r="E2645" s="1" t="str">
        <f t="shared" si="607"/>
        <v>http://www.sap.com/community/tag.html?id=67838200100800006750</v>
      </c>
      <c r="F2645" s="23" t="s">
        <v>4770</v>
      </c>
      <c r="G2645"/>
      <c r="H2645"/>
      <c r="I2645"/>
      <c r="J2645"/>
    </row>
    <row r="2646" spans="1:10" x14ac:dyDescent="0.25">
      <c r="A2646" s="7"/>
      <c r="B2646" s="23"/>
      <c r="C2646" t="s">
        <v>1669</v>
      </c>
      <c r="D2646" s="23" t="s">
        <v>2241</v>
      </c>
      <c r="E2646" s="1" t="str">
        <f t="shared" si="607"/>
        <v>http://www.sap.com/community/tag.html?id=67837800100800007343</v>
      </c>
      <c r="F2646" s="23" t="s">
        <v>4771</v>
      </c>
      <c r="G2646"/>
      <c r="H2646"/>
      <c r="I2646"/>
      <c r="J2646"/>
    </row>
    <row r="2647" spans="1:10" x14ac:dyDescent="0.25">
      <c r="A2647" s="7"/>
      <c r="B2647"/>
      <c r="C2647" s="23" t="s">
        <v>797</v>
      </c>
      <c r="D2647" s="23" t="s">
        <v>2241</v>
      </c>
      <c r="E2647" s="1" t="str">
        <f t="shared" si="607"/>
        <v>http://www.sap.com/community/tag.html?id=67838200100800006841</v>
      </c>
      <c r="F2647" s="23" t="s">
        <v>4772</v>
      </c>
      <c r="G2647"/>
      <c r="H2647"/>
      <c r="I2647"/>
      <c r="J2647"/>
    </row>
    <row r="2648" spans="1:10" x14ac:dyDescent="0.25">
      <c r="A2648" s="7"/>
      <c r="B2648"/>
      <c r="C2648" s="23" t="s">
        <v>1319</v>
      </c>
      <c r="D2648" s="23" t="s">
        <v>2241</v>
      </c>
      <c r="E2648" s="1" t="str">
        <f t="shared" si="607"/>
        <v>http://www.sap.com/community/tag.html?id=67838200100800006359</v>
      </c>
      <c r="F2648" s="23" t="s">
        <v>4773</v>
      </c>
      <c r="G2648"/>
      <c r="H2648"/>
      <c r="I2648"/>
      <c r="J2648"/>
    </row>
    <row r="2649" spans="1:10" x14ac:dyDescent="0.25">
      <c r="A2649" s="7"/>
      <c r="B2649"/>
      <c r="C2649" s="23" t="s">
        <v>1362</v>
      </c>
      <c r="D2649" s="23" t="s">
        <v>2241</v>
      </c>
      <c r="E2649" s="1" t="str">
        <f t="shared" si="607"/>
        <v>http://www.sap.com/community/tag.html?id=73554900100800000023</v>
      </c>
      <c r="F2649" s="23" t="s">
        <v>4774</v>
      </c>
      <c r="G2649"/>
      <c r="H2649"/>
      <c r="I2649"/>
      <c r="J2649"/>
    </row>
    <row r="2650" spans="1:10" x14ac:dyDescent="0.25">
      <c r="A2650" s="7"/>
      <c r="B2650"/>
      <c r="C2650" s="23" t="s">
        <v>1058</v>
      </c>
      <c r="D2650" s="23" t="s">
        <v>2241</v>
      </c>
      <c r="E2650" s="1" t="str">
        <f t="shared" si="607"/>
        <v>http://www.sap.com/community/tag.html?id=67838200100800006354</v>
      </c>
      <c r="F2650" s="23" t="s">
        <v>4775</v>
      </c>
      <c r="G2650"/>
      <c r="H2650"/>
      <c r="I2650"/>
      <c r="J2650"/>
    </row>
    <row r="2651" spans="1:10" x14ac:dyDescent="0.25">
      <c r="A2651" s="7"/>
      <c r="B2651"/>
      <c r="C2651" s="23" t="s">
        <v>1120</v>
      </c>
      <c r="D2651" s="23" t="s">
        <v>2241</v>
      </c>
      <c r="E2651" s="1" t="str">
        <f t="shared" si="607"/>
        <v>http://www.sap.com/community/tag.html?id=73555000100800000284</v>
      </c>
      <c r="F2651" s="23" t="s">
        <v>4776</v>
      </c>
      <c r="G2651"/>
      <c r="H2651"/>
      <c r="I2651"/>
      <c r="J2651"/>
    </row>
    <row r="2652" spans="1:10" x14ac:dyDescent="0.25">
      <c r="A2652" s="7"/>
      <c r="B2652"/>
      <c r="C2652" s="23" t="s">
        <v>1582</v>
      </c>
      <c r="D2652" s="23" t="s">
        <v>2241</v>
      </c>
      <c r="E2652" s="1" t="str">
        <f t="shared" si="607"/>
        <v>http://www.sap.com/community/tag.html?id=73554900100800000074</v>
      </c>
      <c r="F2652" s="23" t="s">
        <v>4777</v>
      </c>
      <c r="G2652"/>
      <c r="H2652"/>
      <c r="I2652"/>
      <c r="J2652"/>
    </row>
    <row r="2653" spans="1:10" x14ac:dyDescent="0.25">
      <c r="A2653" s="7"/>
      <c r="B2653"/>
      <c r="C2653" s="23" t="s">
        <v>2111</v>
      </c>
      <c r="D2653" s="23" t="s">
        <v>2241</v>
      </c>
      <c r="E2653" s="1" t="str">
        <f t="shared" si="607"/>
        <v>http://www.sap.com/community/tag.html?id=67837800100800007340</v>
      </c>
      <c r="F2653" s="23" t="s">
        <v>4778</v>
      </c>
      <c r="G2653"/>
      <c r="H2653"/>
      <c r="I2653"/>
      <c r="J2653"/>
    </row>
    <row r="2654" spans="1:10" x14ac:dyDescent="0.25">
      <c r="A2654" s="7"/>
      <c r="B2654"/>
      <c r="C2654" s="23" t="s">
        <v>774</v>
      </c>
      <c r="D2654" s="23" t="s">
        <v>2241</v>
      </c>
      <c r="E2654" s="1" t="str">
        <f t="shared" si="607"/>
        <v>http://www.sap.com/community/tag.html?id=67837800100800007304</v>
      </c>
      <c r="F2654" s="23" t="s">
        <v>4779</v>
      </c>
      <c r="G2654"/>
      <c r="H2654"/>
      <c r="I2654"/>
      <c r="J2654"/>
    </row>
    <row r="2655" spans="1:10" x14ac:dyDescent="0.25">
      <c r="A2655" s="7"/>
      <c r="B2655"/>
      <c r="C2655" s="23" t="s">
        <v>1371</v>
      </c>
      <c r="D2655" s="23" t="s">
        <v>2241</v>
      </c>
      <c r="E2655" s="1" t="str">
        <f t="shared" si="607"/>
        <v>http://www.sap.com/community/tag.html?id=67838200100800006782</v>
      </c>
      <c r="F2655" s="23" t="s">
        <v>4780</v>
      </c>
      <c r="G2655"/>
      <c r="H2655"/>
      <c r="I2655"/>
      <c r="J2655"/>
    </row>
    <row r="2656" spans="1:10" x14ac:dyDescent="0.25">
      <c r="A2656" s="7"/>
      <c r="B2656"/>
      <c r="C2656" s="23" t="s">
        <v>1499</v>
      </c>
      <c r="D2656" s="23" t="s">
        <v>2241</v>
      </c>
      <c r="E2656" s="1" t="str">
        <f t="shared" si="607"/>
        <v>http://www.sap.com/community/tag.html?id=67837800100800007324</v>
      </c>
      <c r="F2656" s="23" t="s">
        <v>4781</v>
      </c>
      <c r="G2656"/>
      <c r="H2656"/>
      <c r="I2656"/>
      <c r="J2656"/>
    </row>
    <row r="2657" spans="1:10" x14ac:dyDescent="0.25">
      <c r="A2657" s="7"/>
      <c r="B2657"/>
      <c r="C2657" s="23" t="s">
        <v>2028</v>
      </c>
      <c r="D2657" s="23" t="s">
        <v>2241</v>
      </c>
      <c r="E2657" s="1" t="str">
        <f t="shared" si="607"/>
        <v>http://www.sap.com/community/tag.html?id=67838200100800006593</v>
      </c>
      <c r="F2657" s="23" t="s">
        <v>4782</v>
      </c>
      <c r="G2657"/>
      <c r="H2657"/>
      <c r="I2657"/>
      <c r="J2657"/>
    </row>
    <row r="2658" spans="1:10" x14ac:dyDescent="0.25">
      <c r="A2658" s="7"/>
      <c r="B2658" s="23"/>
      <c r="C2658" t="s">
        <v>504</v>
      </c>
      <c r="D2658" s="23" t="s">
        <v>2241</v>
      </c>
      <c r="E2658" s="1" t="str">
        <f t="shared" si="607"/>
        <v>http://www.sap.com/community/tag.html?id=67838200100800006351</v>
      </c>
      <c r="F2658" s="23" t="s">
        <v>4783</v>
      </c>
      <c r="G2658"/>
      <c r="H2658"/>
      <c r="I2658"/>
      <c r="J2658"/>
    </row>
    <row r="2659" spans="1:10" x14ac:dyDescent="0.25">
      <c r="A2659" s="7"/>
      <c r="B2659"/>
      <c r="C2659" s="23" t="s">
        <v>2016</v>
      </c>
      <c r="D2659" s="23" t="s">
        <v>2241</v>
      </c>
      <c r="E2659" s="1" t="str">
        <f t="shared" si="607"/>
        <v>http://www.sap.com/community/tag.html?id=67838200100800006335</v>
      </c>
      <c r="F2659" s="23" t="s">
        <v>4784</v>
      </c>
      <c r="G2659"/>
      <c r="H2659"/>
      <c r="I2659"/>
      <c r="J2659"/>
    </row>
    <row r="2660" spans="1:10" x14ac:dyDescent="0.25">
      <c r="A2660" s="7"/>
      <c r="B2660" s="23"/>
      <c r="C2660" t="s">
        <v>963</v>
      </c>
      <c r="D2660" s="23" t="s">
        <v>2241</v>
      </c>
      <c r="E2660" s="1" t="str">
        <f t="shared" si="607"/>
        <v>http://www.sap.com/community/tag.html?id=67838200100800006776</v>
      </c>
      <c r="F2660" s="23" t="s">
        <v>4785</v>
      </c>
      <c r="G2660"/>
      <c r="H2660"/>
      <c r="I2660"/>
      <c r="J2660"/>
    </row>
    <row r="2661" spans="1:10" x14ac:dyDescent="0.25">
      <c r="A2661" s="7"/>
      <c r="B2661"/>
      <c r="C2661" s="23" t="s">
        <v>1026</v>
      </c>
      <c r="D2661" s="23" t="s">
        <v>2241</v>
      </c>
      <c r="E2661" s="1" t="str">
        <f t="shared" si="607"/>
        <v>http://www.sap.com/community/tag.html?id=67838200100800006334</v>
      </c>
      <c r="F2661" s="23" t="s">
        <v>4786</v>
      </c>
      <c r="G2661"/>
      <c r="H2661"/>
      <c r="I2661"/>
      <c r="J2661"/>
    </row>
    <row r="2662" spans="1:10" x14ac:dyDescent="0.25">
      <c r="A2662" s="7"/>
      <c r="B2662" s="23"/>
      <c r="C2662" t="s">
        <v>798</v>
      </c>
      <c r="D2662" s="23" t="s">
        <v>2241</v>
      </c>
      <c r="E2662" s="1" t="str">
        <f t="shared" si="607"/>
        <v>http://www.sap.com/community/tag.html?id=73555000100800000293</v>
      </c>
      <c r="F2662" s="23" t="s">
        <v>4787</v>
      </c>
      <c r="G2662"/>
      <c r="H2662"/>
      <c r="I2662"/>
      <c r="J2662"/>
    </row>
    <row r="2663" spans="1:10" x14ac:dyDescent="0.25">
      <c r="A2663" s="7"/>
      <c r="B2663"/>
      <c r="C2663" s="23" t="s">
        <v>1518</v>
      </c>
      <c r="D2663" s="23" t="s">
        <v>2241</v>
      </c>
      <c r="E2663" s="1" t="str">
        <f t="shared" si="607"/>
        <v>http://www.sap.com/community/tag.html?id=73555000100800000015</v>
      </c>
      <c r="F2663" s="23" t="s">
        <v>4788</v>
      </c>
      <c r="G2663"/>
      <c r="H2663"/>
      <c r="I2663"/>
      <c r="J2663"/>
    </row>
    <row r="2664" spans="1:10" x14ac:dyDescent="0.25">
      <c r="A2664" s="7"/>
      <c r="B2664"/>
      <c r="C2664" s="23" t="s">
        <v>1130</v>
      </c>
      <c r="D2664" s="23" t="s">
        <v>2241</v>
      </c>
      <c r="E2664" s="1" t="str">
        <f t="shared" si="607"/>
        <v>http://www.sap.com/community/tag.html?id=73555000100800000294</v>
      </c>
      <c r="F2664" s="23" t="s">
        <v>4789</v>
      </c>
      <c r="G2664"/>
      <c r="H2664"/>
      <c r="I2664"/>
      <c r="J2664"/>
    </row>
    <row r="2665" spans="1:10" x14ac:dyDescent="0.25">
      <c r="A2665" s="7"/>
      <c r="B2665" t="s">
        <v>871</v>
      </c>
      <c r="C2665" s="23"/>
      <c r="D2665" s="7" t="s">
        <v>5032</v>
      </c>
      <c r="E2665" s="1"/>
      <c r="F2665" s="23" t="s">
        <v>4790</v>
      </c>
      <c r="G2665"/>
      <c r="H2665"/>
      <c r="I2665"/>
      <c r="J2665"/>
    </row>
    <row r="2666" spans="1:10" x14ac:dyDescent="0.25">
      <c r="A2666" s="7"/>
      <c r="B2666"/>
      <c r="C2666" s="23" t="s">
        <v>760</v>
      </c>
      <c r="D2666" s="23" t="s">
        <v>2241</v>
      </c>
      <c r="E2666" s="1" t="str">
        <f t="shared" ref="E2666:E2667" si="608" xml:space="preserve"> HYPERLINK(CONCATENATE("http://www.sap.com/community/tag.html?id=",$F2666))</f>
        <v>http://www.sap.com/community/tag.html?id=67838200100800006549</v>
      </c>
      <c r="F2666" s="23" t="s">
        <v>4791</v>
      </c>
      <c r="G2666"/>
      <c r="H2666"/>
      <c r="I2666"/>
      <c r="J2666"/>
    </row>
    <row r="2667" spans="1:10" x14ac:dyDescent="0.25">
      <c r="A2667" s="7"/>
      <c r="B2667"/>
      <c r="C2667" s="23" t="s">
        <v>966</v>
      </c>
      <c r="D2667" s="23" t="s">
        <v>2241</v>
      </c>
      <c r="E2667" s="1" t="str">
        <f t="shared" si="608"/>
        <v>http://www.sap.com/community/tag.html?id=73555000100800000230</v>
      </c>
      <c r="F2667" s="23" t="s">
        <v>4793</v>
      </c>
      <c r="G2667"/>
      <c r="H2667"/>
      <c r="I2667"/>
      <c r="J2667"/>
    </row>
    <row r="2668" spans="1:10" x14ac:dyDescent="0.25">
      <c r="A2668" s="7"/>
      <c r="B2668" s="23" t="s">
        <v>1257</v>
      </c>
      <c r="C2668"/>
      <c r="D2668" s="7" t="s">
        <v>5032</v>
      </c>
      <c r="E2668" s="1"/>
      <c r="F2668" s="23" t="s">
        <v>4794</v>
      </c>
      <c r="G2668"/>
      <c r="H2668"/>
      <c r="I2668"/>
      <c r="J2668"/>
    </row>
    <row r="2669" spans="1:10" x14ac:dyDescent="0.25">
      <c r="A2669" s="7"/>
      <c r="B2669"/>
      <c r="C2669" s="23" t="s">
        <v>1874</v>
      </c>
      <c r="D2669" s="23" t="s">
        <v>2241</v>
      </c>
      <c r="E2669" s="1" t="str">
        <f t="shared" ref="E2669:E2679" si="609" xml:space="preserve"> HYPERLINK(CONCATENATE("http://www.sap.com/community/tag.html?id=",$F2669))</f>
        <v>http://www.sap.com/community/tag.html?id=01200314690800001673</v>
      </c>
      <c r="F2669" s="23" t="s">
        <v>4795</v>
      </c>
      <c r="G2669"/>
      <c r="H2669"/>
      <c r="I2669"/>
      <c r="J2669"/>
    </row>
    <row r="2670" spans="1:10" x14ac:dyDescent="0.25">
      <c r="A2670" s="7"/>
      <c r="B2670" s="23"/>
      <c r="C2670" t="s">
        <v>1913</v>
      </c>
      <c r="D2670" s="23" t="s">
        <v>2241</v>
      </c>
      <c r="E2670" s="1" t="str">
        <f t="shared" si="609"/>
        <v>http://www.sap.com/community/tag.html?id=01200314690800001929</v>
      </c>
      <c r="F2670" s="23" t="s">
        <v>4796</v>
      </c>
      <c r="G2670"/>
      <c r="H2670"/>
      <c r="I2670"/>
      <c r="J2670"/>
    </row>
    <row r="2671" spans="1:10" x14ac:dyDescent="0.25">
      <c r="A2671" s="7"/>
      <c r="B2671"/>
      <c r="C2671" s="23" t="s">
        <v>5411</v>
      </c>
      <c r="D2671" s="23" t="s">
        <v>2241</v>
      </c>
      <c r="E2671" s="1" t="str">
        <f t="shared" si="609"/>
        <v>http://www.sap.com/community/tag.html?id=73555000100800000784</v>
      </c>
      <c r="F2671" s="23" t="s">
        <v>5372</v>
      </c>
      <c r="G2671"/>
      <c r="H2671"/>
      <c r="I2671"/>
      <c r="J2671"/>
    </row>
    <row r="2672" spans="1:10" x14ac:dyDescent="0.25">
      <c r="A2672" s="7"/>
      <c r="B2672"/>
      <c r="C2672" s="23" t="s">
        <v>5080</v>
      </c>
      <c r="D2672" s="23" t="s">
        <v>2241</v>
      </c>
      <c r="E2672" s="1" t="str">
        <f t="shared" si="609"/>
        <v>http://www.sap.com/community/tag.html?id=73555000100800000451</v>
      </c>
      <c r="F2672" s="23" t="s">
        <v>5131</v>
      </c>
      <c r="G2672"/>
      <c r="H2672"/>
      <c r="I2672"/>
      <c r="J2672"/>
    </row>
    <row r="2673" spans="1:10" x14ac:dyDescent="0.25">
      <c r="A2673" s="7"/>
      <c r="B2673" s="23"/>
      <c r="C2673" t="s">
        <v>440</v>
      </c>
      <c r="D2673" s="23" t="s">
        <v>2241</v>
      </c>
      <c r="E2673" s="1" t="str">
        <f t="shared" si="609"/>
        <v>http://www.sap.com/community/tag.html?id=01200615320800002777</v>
      </c>
      <c r="F2673" s="23" t="s">
        <v>4797</v>
      </c>
      <c r="G2673"/>
      <c r="H2673"/>
      <c r="I2673"/>
      <c r="J2673"/>
    </row>
    <row r="2674" spans="1:10" x14ac:dyDescent="0.25">
      <c r="A2674" s="7"/>
      <c r="B2674"/>
      <c r="C2674" s="23" t="s">
        <v>1447</v>
      </c>
      <c r="D2674" s="23" t="s">
        <v>2241</v>
      </c>
      <c r="E2674" s="1" t="str">
        <f t="shared" si="609"/>
        <v>http://www.sap.com/community/tag.html?id=73554900100800000267</v>
      </c>
      <c r="F2674" s="23" t="s">
        <v>4798</v>
      </c>
      <c r="G2674"/>
      <c r="H2674"/>
      <c r="I2674"/>
      <c r="J2674"/>
    </row>
    <row r="2675" spans="1:10" x14ac:dyDescent="0.25">
      <c r="A2675" s="7"/>
      <c r="B2675"/>
      <c r="C2675" s="23" t="s">
        <v>1039</v>
      </c>
      <c r="D2675" s="23" t="s">
        <v>2241</v>
      </c>
      <c r="E2675" s="1" t="str">
        <f t="shared" si="609"/>
        <v>http://www.sap.com/community/tag.html?id=01200314690800000235</v>
      </c>
      <c r="F2675" s="23" t="s">
        <v>4799</v>
      </c>
      <c r="G2675"/>
      <c r="H2675"/>
      <c r="I2675"/>
      <c r="J2675"/>
    </row>
    <row r="2676" spans="1:10" x14ac:dyDescent="0.25">
      <c r="A2676" s="7"/>
      <c r="B2676" s="23"/>
      <c r="C2676" t="s">
        <v>1257</v>
      </c>
      <c r="D2676" s="23" t="s">
        <v>2241</v>
      </c>
      <c r="E2676" s="1" t="str">
        <f t="shared" si="609"/>
        <v>http://www.sap.com/community/tag.html?id=01200615320800000636</v>
      </c>
      <c r="F2676" s="23" t="s">
        <v>4800</v>
      </c>
      <c r="G2676"/>
      <c r="H2676"/>
      <c r="I2676"/>
      <c r="J2676"/>
    </row>
    <row r="2677" spans="1:10" x14ac:dyDescent="0.25">
      <c r="A2677" s="7"/>
      <c r="B2677"/>
      <c r="C2677" s="23" t="s">
        <v>5081</v>
      </c>
      <c r="D2677" s="23" t="s">
        <v>2241</v>
      </c>
      <c r="E2677" s="1" t="str">
        <f t="shared" si="609"/>
        <v>http://www.sap.com/community/tag.html?id=01200314690800000232</v>
      </c>
      <c r="F2677" s="23" t="s">
        <v>4801</v>
      </c>
      <c r="G2677"/>
      <c r="H2677"/>
      <c r="I2677"/>
      <c r="J2677"/>
    </row>
    <row r="2678" spans="1:10" x14ac:dyDescent="0.25">
      <c r="A2678" s="7"/>
      <c r="B2678" s="23"/>
      <c r="C2678" t="s">
        <v>1800</v>
      </c>
      <c r="D2678" s="23" t="s">
        <v>2241</v>
      </c>
      <c r="E2678" s="1" t="str">
        <f t="shared" si="609"/>
        <v>http://www.sap.com/community/tag.html?id=01200615320800000986</v>
      </c>
      <c r="F2678" s="23" t="s">
        <v>4802</v>
      </c>
      <c r="G2678"/>
      <c r="H2678"/>
      <c r="I2678"/>
      <c r="J2678"/>
    </row>
    <row r="2679" spans="1:10" x14ac:dyDescent="0.25">
      <c r="A2679" s="7"/>
      <c r="B2679"/>
      <c r="C2679" s="23" t="s">
        <v>1740</v>
      </c>
      <c r="D2679" s="23" t="s">
        <v>2241</v>
      </c>
      <c r="E2679" s="1" t="str">
        <f t="shared" si="609"/>
        <v>http://www.sap.com/community/tag.html?id=67838200100800005771</v>
      </c>
      <c r="F2679" s="23" t="s">
        <v>4803</v>
      </c>
      <c r="G2679"/>
      <c r="H2679"/>
      <c r="I2679"/>
      <c r="J2679"/>
    </row>
    <row r="2680" spans="1:10" x14ac:dyDescent="0.25">
      <c r="A2680" s="7"/>
      <c r="B2680" s="23" t="s">
        <v>2104</v>
      </c>
      <c r="C2680"/>
      <c r="D2680" s="7" t="s">
        <v>5032</v>
      </c>
      <c r="E2680" s="1"/>
      <c r="F2680" s="23" t="s">
        <v>4804</v>
      </c>
      <c r="G2680"/>
      <c r="H2680"/>
      <c r="I2680"/>
      <c r="J2680"/>
    </row>
    <row r="2681" spans="1:10" x14ac:dyDescent="0.25">
      <c r="A2681" s="7"/>
      <c r="B2681"/>
      <c r="C2681" s="23" t="s">
        <v>544</v>
      </c>
      <c r="D2681" s="23" t="s">
        <v>2241</v>
      </c>
      <c r="E2681" s="1" t="str">
        <f t="shared" ref="E2681" si="610" xml:space="preserve"> HYPERLINK(CONCATENATE("http://www.sap.com/community/tag.html?id=",$F2681))</f>
        <v>http://www.sap.com/community/tag.html?id=67837800100800004598</v>
      </c>
      <c r="F2681" s="23" t="s">
        <v>4805</v>
      </c>
      <c r="G2681"/>
      <c r="H2681"/>
      <c r="I2681"/>
      <c r="J2681"/>
    </row>
    <row r="2682" spans="1:10" x14ac:dyDescent="0.25">
      <c r="A2682" s="7"/>
      <c r="B2682" t="s">
        <v>659</v>
      </c>
      <c r="C2682" s="23"/>
      <c r="D2682" s="7" t="s">
        <v>5032</v>
      </c>
      <c r="E2682" s="1"/>
      <c r="F2682" s="23" t="s">
        <v>4806</v>
      </c>
      <c r="G2682"/>
      <c r="H2682"/>
      <c r="I2682"/>
      <c r="J2682"/>
    </row>
    <row r="2683" spans="1:10" x14ac:dyDescent="0.25">
      <c r="A2683" s="7"/>
      <c r="B2683"/>
      <c r="C2683" s="23" t="s">
        <v>659</v>
      </c>
      <c r="D2683" s="23" t="s">
        <v>2241</v>
      </c>
      <c r="E2683" s="1" t="str">
        <f t="shared" ref="E2683" si="611" xml:space="preserve"> HYPERLINK(CONCATENATE("http://www.sap.com/community/tag.html?id=",$F2683))</f>
        <v>http://www.sap.com/community/tag.html?id=01200314690800000231</v>
      </c>
      <c r="F2683" s="23" t="s">
        <v>4807</v>
      </c>
      <c r="G2683"/>
      <c r="H2683"/>
      <c r="I2683"/>
      <c r="J2683"/>
    </row>
    <row r="2684" spans="1:10" x14ac:dyDescent="0.25">
      <c r="A2684" s="7"/>
      <c r="B2684" t="s">
        <v>596</v>
      </c>
      <c r="C2684" s="23"/>
      <c r="D2684" s="7" t="s">
        <v>5032</v>
      </c>
      <c r="E2684" s="1"/>
      <c r="F2684" s="23" t="s">
        <v>4808</v>
      </c>
      <c r="G2684"/>
      <c r="H2684"/>
      <c r="I2684"/>
      <c r="J2684"/>
    </row>
    <row r="2685" spans="1:10" x14ac:dyDescent="0.25">
      <c r="A2685" s="7"/>
      <c r="B2685"/>
      <c r="C2685" s="23" t="s">
        <v>345</v>
      </c>
      <c r="D2685" s="23" t="s">
        <v>2241</v>
      </c>
      <c r="E2685" s="1" t="str">
        <f t="shared" ref="E2685:E2689" si="612" xml:space="preserve"> HYPERLINK(CONCATENATE("http://www.sap.com/community/tag.html?id=",$F2685))</f>
        <v>http://www.sap.com/community/tag.html?id=01200314690800002997</v>
      </c>
      <c r="F2685" s="23" t="s">
        <v>4809</v>
      </c>
      <c r="G2685"/>
      <c r="H2685"/>
      <c r="I2685"/>
      <c r="J2685"/>
    </row>
    <row r="2686" spans="1:10" x14ac:dyDescent="0.25">
      <c r="A2686" s="7"/>
      <c r="B2686"/>
      <c r="C2686" s="23" t="s">
        <v>596</v>
      </c>
      <c r="D2686" s="23" t="s">
        <v>2241</v>
      </c>
      <c r="E2686" s="1" t="str">
        <f t="shared" si="612"/>
        <v>http://www.sap.com/community/tag.html?id=01200615320800000681</v>
      </c>
      <c r="F2686" s="23" t="s">
        <v>4810</v>
      </c>
      <c r="G2686"/>
      <c r="H2686"/>
      <c r="I2686"/>
      <c r="J2686"/>
    </row>
    <row r="2687" spans="1:10" x14ac:dyDescent="0.25">
      <c r="A2687" s="7"/>
      <c r="B2687"/>
      <c r="C2687" s="23" t="s">
        <v>2235</v>
      </c>
      <c r="D2687" s="23" t="s">
        <v>2241</v>
      </c>
      <c r="E2687" s="1" t="str">
        <f t="shared" si="612"/>
        <v>http://www.sap.com/community/tag.html?id=01200615320800002711</v>
      </c>
      <c r="F2687" s="23" t="s">
        <v>4811</v>
      </c>
      <c r="G2687"/>
      <c r="H2687"/>
      <c r="I2687"/>
      <c r="J2687"/>
    </row>
    <row r="2688" spans="1:10" x14ac:dyDescent="0.25">
      <c r="A2688" s="7"/>
      <c r="B2688"/>
      <c r="C2688" s="23" t="s">
        <v>702</v>
      </c>
      <c r="D2688" s="23" t="s">
        <v>2241</v>
      </c>
      <c r="E2688" s="1" t="str">
        <f t="shared" si="612"/>
        <v>http://www.sap.com/community/tag.html?id=01200615320800001086</v>
      </c>
      <c r="F2688" s="23" t="s">
        <v>4812</v>
      </c>
      <c r="G2688"/>
      <c r="H2688"/>
      <c r="I2688"/>
      <c r="J2688"/>
    </row>
    <row r="2689" spans="1:10" x14ac:dyDescent="0.25">
      <c r="A2689" s="7"/>
      <c r="B2689"/>
      <c r="C2689" s="23" t="s">
        <v>616</v>
      </c>
      <c r="D2689" s="23" t="s">
        <v>2241</v>
      </c>
      <c r="E2689" s="1" t="str">
        <f t="shared" si="612"/>
        <v>http://www.sap.com/community/tag.html?id=01200615320800001128</v>
      </c>
      <c r="F2689" s="23" t="s">
        <v>4813</v>
      </c>
      <c r="G2689"/>
      <c r="H2689"/>
      <c r="I2689"/>
      <c r="J2689"/>
    </row>
    <row r="2690" spans="1:10" x14ac:dyDescent="0.25">
      <c r="A2690" s="7"/>
      <c r="B2690" t="s">
        <v>952</v>
      </c>
      <c r="C2690" s="23"/>
      <c r="D2690" s="7" t="s">
        <v>5032</v>
      </c>
      <c r="E2690" s="1"/>
      <c r="F2690" s="23" t="s">
        <v>4814</v>
      </c>
      <c r="G2690"/>
      <c r="H2690"/>
      <c r="I2690"/>
      <c r="J2690"/>
    </row>
    <row r="2691" spans="1:10" x14ac:dyDescent="0.25">
      <c r="A2691" s="7"/>
      <c r="B2691"/>
      <c r="C2691" s="23" t="s">
        <v>952</v>
      </c>
      <c r="D2691" s="23" t="s">
        <v>2241</v>
      </c>
      <c r="E2691" s="1" t="str">
        <f t="shared" ref="E2691" si="613" xml:space="preserve"> HYPERLINK(CONCATENATE("http://www.sap.com/community/tag.html?id=",$F2691))</f>
        <v>http://www.sap.com/community/tag.html?id=73555000100800000086</v>
      </c>
      <c r="F2691" s="23" t="s">
        <v>4815</v>
      </c>
      <c r="G2691"/>
      <c r="H2691"/>
      <c r="I2691"/>
      <c r="J2691"/>
    </row>
    <row r="2692" spans="1:10" x14ac:dyDescent="0.25">
      <c r="A2692" s="7"/>
      <c r="B2692" t="s">
        <v>1373</v>
      </c>
      <c r="C2692" s="23"/>
      <c r="D2692" s="7" t="s">
        <v>5032</v>
      </c>
      <c r="E2692" s="1"/>
      <c r="F2692" s="23" t="s">
        <v>4816</v>
      </c>
      <c r="G2692"/>
      <c r="H2692"/>
      <c r="I2692"/>
      <c r="J2692"/>
    </row>
    <row r="2693" spans="1:10" x14ac:dyDescent="0.25">
      <c r="A2693" s="7"/>
      <c r="B2693"/>
      <c r="C2693" s="23" t="s">
        <v>1373</v>
      </c>
      <c r="D2693" s="23" t="s">
        <v>2241</v>
      </c>
      <c r="E2693" s="1" t="str">
        <f t="shared" ref="E2693:E2694" si="614" xml:space="preserve"> HYPERLINK(CONCATENATE("http://www.sap.com/community/tag.html?id=",$F2693))</f>
        <v>http://www.sap.com/community/tag.html?id=01200615320800000957</v>
      </c>
      <c r="F2693" s="23" t="s">
        <v>4817</v>
      </c>
      <c r="G2693"/>
      <c r="H2693"/>
      <c r="I2693"/>
      <c r="J2693"/>
    </row>
    <row r="2694" spans="1:10" x14ac:dyDescent="0.25">
      <c r="A2694" s="7"/>
      <c r="B2694"/>
      <c r="C2694" s="23" t="s">
        <v>5082</v>
      </c>
      <c r="D2694" s="23" t="s">
        <v>2241</v>
      </c>
      <c r="E2694" s="1" t="str">
        <f t="shared" si="614"/>
        <v>http://www.sap.com/community/tag.html?id=73554900100800000373</v>
      </c>
      <c r="F2694" s="23" t="s">
        <v>5132</v>
      </c>
      <c r="G2694"/>
      <c r="H2694"/>
      <c r="I2694"/>
      <c r="J2694"/>
    </row>
    <row r="2695" spans="1:10" x14ac:dyDescent="0.25">
      <c r="A2695" s="7"/>
      <c r="B2695" s="23" t="s">
        <v>2008</v>
      </c>
      <c r="C2695"/>
      <c r="D2695" s="7" t="s">
        <v>5032</v>
      </c>
      <c r="E2695" s="1"/>
      <c r="F2695" s="23" t="s">
        <v>4818</v>
      </c>
      <c r="G2695"/>
      <c r="H2695"/>
      <c r="I2695"/>
      <c r="J2695"/>
    </row>
    <row r="2696" spans="1:10" x14ac:dyDescent="0.25">
      <c r="A2696" s="7"/>
      <c r="B2696" s="23"/>
      <c r="C2696" t="s">
        <v>654</v>
      </c>
      <c r="D2696" s="23" t="s">
        <v>2241</v>
      </c>
      <c r="E2696" s="1" t="str">
        <f t="shared" ref="E2696:E2697" si="615" xml:space="preserve"> HYPERLINK(CONCATENATE("http://www.sap.com/community/tag.html?id=",$F2696))</f>
        <v>http://www.sap.com/community/tag.html?id=67837800100800004894</v>
      </c>
      <c r="F2696" s="23" t="s">
        <v>4819</v>
      </c>
      <c r="G2696"/>
      <c r="H2696"/>
      <c r="I2696"/>
      <c r="J2696"/>
    </row>
    <row r="2697" spans="1:10" x14ac:dyDescent="0.25">
      <c r="A2697" s="7"/>
      <c r="B2697" s="23"/>
      <c r="C2697" t="s">
        <v>2211</v>
      </c>
      <c r="D2697" s="23" t="s">
        <v>2241</v>
      </c>
      <c r="E2697" s="1" t="str">
        <f t="shared" si="615"/>
        <v>http://www.sap.com/community/tag.html?id=67837800100800004895</v>
      </c>
      <c r="F2697" s="23" t="s">
        <v>4820</v>
      </c>
      <c r="G2697"/>
      <c r="H2697"/>
      <c r="I2697"/>
      <c r="J2697"/>
    </row>
    <row r="2698" spans="1:10" x14ac:dyDescent="0.25">
      <c r="A2698" s="7"/>
      <c r="B2698" s="23" t="s">
        <v>2165</v>
      </c>
      <c r="C2698"/>
      <c r="D2698" s="7" t="s">
        <v>5032</v>
      </c>
      <c r="E2698" s="1"/>
      <c r="F2698" s="23" t="s">
        <v>4821</v>
      </c>
      <c r="G2698"/>
      <c r="H2698"/>
      <c r="I2698"/>
      <c r="J2698"/>
    </row>
    <row r="2699" spans="1:10" x14ac:dyDescent="0.25">
      <c r="A2699" s="7"/>
      <c r="B2699" s="23"/>
      <c r="C2699" t="s">
        <v>2165</v>
      </c>
      <c r="D2699" s="23" t="s">
        <v>2241</v>
      </c>
      <c r="E2699" s="1" t="str">
        <f t="shared" ref="E2699" si="616" xml:space="preserve"> HYPERLINK(CONCATENATE("http://www.sap.com/community/tag.html?id=",$F2699))</f>
        <v>http://www.sap.com/community/tag.html?id=01200615320800002296</v>
      </c>
      <c r="F2699" s="23" t="s">
        <v>4822</v>
      </c>
      <c r="G2699"/>
      <c r="H2699"/>
      <c r="I2699"/>
      <c r="J2699"/>
    </row>
    <row r="2700" spans="1:10" x14ac:dyDescent="0.25">
      <c r="A2700" s="7"/>
      <c r="B2700" s="23" t="s">
        <v>1349</v>
      </c>
      <c r="C2700"/>
      <c r="D2700" s="7" t="s">
        <v>5032</v>
      </c>
      <c r="E2700" s="1"/>
      <c r="F2700" s="23" t="s">
        <v>4823</v>
      </c>
      <c r="G2700"/>
      <c r="H2700"/>
      <c r="I2700"/>
      <c r="J2700"/>
    </row>
    <row r="2701" spans="1:10" x14ac:dyDescent="0.25">
      <c r="A2701" s="7"/>
      <c r="B2701" s="23"/>
      <c r="C2701" t="s">
        <v>1349</v>
      </c>
      <c r="D2701" s="23" t="s">
        <v>2241</v>
      </c>
      <c r="E2701" s="1" t="str">
        <f t="shared" ref="E2701:E2702" si="617" xml:space="preserve"> HYPERLINK(CONCATENATE("http://www.sap.com/community/tag.html?id=",$F2701))</f>
        <v>http://www.sap.com/community/tag.html?id=67838200100800006489</v>
      </c>
      <c r="F2701" s="23" t="s">
        <v>4824</v>
      </c>
      <c r="G2701"/>
      <c r="H2701"/>
      <c r="I2701"/>
      <c r="J2701"/>
    </row>
    <row r="2702" spans="1:10" x14ac:dyDescent="0.25">
      <c r="A2702" s="7"/>
      <c r="B2702" s="23" t="s">
        <v>2201</v>
      </c>
      <c r="C2702"/>
      <c r="D2702" s="7" t="s">
        <v>2241</v>
      </c>
      <c r="E2702" s="1" t="str">
        <f t="shared" si="617"/>
        <v>http://www.sap.com/community/tag.html?id=73554900100700001351</v>
      </c>
      <c r="F2702" s="23" t="s">
        <v>4825</v>
      </c>
      <c r="G2702"/>
      <c r="H2702"/>
      <c r="I2702"/>
      <c r="J2702"/>
    </row>
    <row r="2703" spans="1:10" x14ac:dyDescent="0.25">
      <c r="A2703" s="7"/>
      <c r="B2703" s="23"/>
      <c r="C2703" t="s">
        <v>105</v>
      </c>
      <c r="D2703" s="23" t="s">
        <v>2241</v>
      </c>
      <c r="E2703" s="1" t="str">
        <f t="shared" ref="E2703:E2705" si="618" xml:space="preserve"> HYPERLINK(CONCATENATE("http://www.sap.com/community/tag.html?id=",$F2703))</f>
        <v>http://www.sap.com/community/tag.html?id=73555000100800000035</v>
      </c>
      <c r="F2703" s="23" t="s">
        <v>4826</v>
      </c>
      <c r="G2703"/>
      <c r="H2703"/>
      <c r="I2703"/>
      <c r="J2703"/>
    </row>
    <row r="2704" spans="1:10" x14ac:dyDescent="0.25">
      <c r="A2704" s="7"/>
      <c r="B2704" s="23"/>
      <c r="C2704" t="s">
        <v>693</v>
      </c>
      <c r="D2704" s="23" t="s">
        <v>2241</v>
      </c>
      <c r="E2704" s="1" t="str">
        <f t="shared" si="618"/>
        <v>http://www.sap.com/community/tag.html?id=73555000100800000016</v>
      </c>
      <c r="F2704" s="23" t="s">
        <v>4827</v>
      </c>
      <c r="G2704"/>
      <c r="H2704"/>
      <c r="I2704"/>
      <c r="J2704"/>
    </row>
    <row r="2705" spans="1:10" x14ac:dyDescent="0.25">
      <c r="A2705" s="7"/>
      <c r="B2705" s="23"/>
      <c r="C2705" t="s">
        <v>5083</v>
      </c>
      <c r="D2705" s="23" t="s">
        <v>2241</v>
      </c>
      <c r="E2705" s="1" t="str">
        <f t="shared" si="618"/>
        <v>http://www.sap.com/community/tag.html?id=73555000100800000446</v>
      </c>
      <c r="F2705" s="23" t="s">
        <v>5133</v>
      </c>
      <c r="G2705"/>
      <c r="H2705"/>
      <c r="I2705"/>
      <c r="J2705"/>
    </row>
    <row r="2706" spans="1:10" x14ac:dyDescent="0.25">
      <c r="A2706" s="7"/>
      <c r="B2706" s="23" t="s">
        <v>1423</v>
      </c>
      <c r="C2706"/>
      <c r="D2706" s="7" t="s">
        <v>5032</v>
      </c>
      <c r="E2706" s="1"/>
      <c r="F2706" s="23" t="s">
        <v>4828</v>
      </c>
      <c r="G2706"/>
      <c r="H2706"/>
      <c r="I2706"/>
      <c r="J2706"/>
    </row>
    <row r="2707" spans="1:10" x14ac:dyDescent="0.25">
      <c r="A2707" s="7"/>
      <c r="B2707" s="23"/>
      <c r="C2707" t="s">
        <v>1423</v>
      </c>
      <c r="D2707" s="23" t="s">
        <v>2241</v>
      </c>
      <c r="E2707" s="1" t="str">
        <f t="shared" ref="E2707" si="619" xml:space="preserve"> HYPERLINK(CONCATENATE("http://www.sap.com/community/tag.html?id=",$F2707))</f>
        <v>http://www.sap.com/community/tag.html?id=01200615320800003076</v>
      </c>
      <c r="F2707" s="23" t="s">
        <v>4829</v>
      </c>
      <c r="G2707"/>
      <c r="H2707"/>
      <c r="I2707"/>
      <c r="J2707"/>
    </row>
    <row r="2708" spans="1:10" x14ac:dyDescent="0.25">
      <c r="A2708" s="7"/>
      <c r="B2708" s="23" t="s">
        <v>142</v>
      </c>
      <c r="C2708"/>
      <c r="D2708" s="7" t="s">
        <v>5032</v>
      </c>
      <c r="E2708" s="1"/>
      <c r="F2708" s="23" t="s">
        <v>4830</v>
      </c>
      <c r="G2708"/>
      <c r="H2708"/>
      <c r="I2708"/>
      <c r="J2708"/>
    </row>
    <row r="2709" spans="1:10" x14ac:dyDescent="0.25">
      <c r="A2709" s="7"/>
      <c r="B2709" s="23"/>
      <c r="C2709" t="s">
        <v>142</v>
      </c>
      <c r="D2709" s="23" t="s">
        <v>2241</v>
      </c>
      <c r="E2709" s="1" t="str">
        <f t="shared" ref="E2709" si="620" xml:space="preserve"> HYPERLINK(CONCATENATE("http://www.sap.com/community/tag.html?id=",$F2709))</f>
        <v>http://www.sap.com/community/tag.html?id=67838200100800005195</v>
      </c>
      <c r="F2709" s="23" t="s">
        <v>4831</v>
      </c>
      <c r="G2709"/>
      <c r="H2709"/>
      <c r="I2709"/>
      <c r="J2709"/>
    </row>
    <row r="2710" spans="1:10" x14ac:dyDescent="0.25">
      <c r="A2710" s="7"/>
      <c r="B2710" s="23" t="s">
        <v>2217</v>
      </c>
      <c r="C2710"/>
      <c r="D2710" s="7" t="s">
        <v>5032</v>
      </c>
      <c r="E2710" s="1"/>
      <c r="F2710" s="23" t="s">
        <v>4832</v>
      </c>
      <c r="G2710"/>
      <c r="H2710"/>
      <c r="I2710"/>
      <c r="J2710"/>
    </row>
    <row r="2711" spans="1:10" x14ac:dyDescent="0.25">
      <c r="A2711" s="7"/>
      <c r="B2711"/>
      <c r="C2711" s="23" t="s">
        <v>2217</v>
      </c>
      <c r="D2711" s="23" t="s">
        <v>2241</v>
      </c>
      <c r="E2711" s="1" t="str">
        <f t="shared" ref="E2711" si="621" xml:space="preserve"> HYPERLINK(CONCATENATE("http://www.sap.com/community/tag.html?id=",$F2711))</f>
        <v>http://www.sap.com/community/tag.html?id=01200615320800002827</v>
      </c>
      <c r="F2711" s="23" t="s">
        <v>4833</v>
      </c>
      <c r="G2711"/>
      <c r="H2711"/>
      <c r="I2711"/>
      <c r="J2711"/>
    </row>
    <row r="2712" spans="1:10" x14ac:dyDescent="0.25">
      <c r="A2712" s="7"/>
      <c r="B2712" s="23" t="s">
        <v>1575</v>
      </c>
      <c r="C2712"/>
      <c r="D2712" s="7" t="s">
        <v>5032</v>
      </c>
      <c r="E2712" s="1"/>
      <c r="F2712" s="23" t="s">
        <v>4834</v>
      </c>
      <c r="G2712"/>
      <c r="H2712"/>
      <c r="I2712"/>
      <c r="J2712"/>
    </row>
    <row r="2713" spans="1:10" x14ac:dyDescent="0.25">
      <c r="A2713" s="7"/>
      <c r="B2713"/>
      <c r="C2713" s="23" t="s">
        <v>1575</v>
      </c>
      <c r="D2713" s="23" t="s">
        <v>2241</v>
      </c>
      <c r="E2713" s="1" t="str">
        <f t="shared" ref="E2713" si="622" xml:space="preserve"> HYPERLINK(CONCATENATE("http://www.sap.com/community/tag.html?id=",$F2713))</f>
        <v>http://www.sap.com/community/tag.html?id=67838200100800005386</v>
      </c>
      <c r="F2713" s="23" t="s">
        <v>4835</v>
      </c>
      <c r="G2713"/>
      <c r="H2713"/>
      <c r="I2713"/>
      <c r="J2713"/>
    </row>
    <row r="2714" spans="1:10" x14ac:dyDescent="0.25">
      <c r="A2714" s="7"/>
      <c r="B2714" s="23" t="s">
        <v>2187</v>
      </c>
      <c r="C2714"/>
      <c r="D2714" s="7" t="s">
        <v>5032</v>
      </c>
      <c r="E2714" s="1"/>
      <c r="F2714" s="23" t="s">
        <v>4836</v>
      </c>
      <c r="G2714"/>
      <c r="H2714"/>
      <c r="I2714"/>
      <c r="J2714"/>
    </row>
    <row r="2715" spans="1:10" x14ac:dyDescent="0.25">
      <c r="A2715" s="7"/>
      <c r="B2715"/>
      <c r="C2715" s="23" t="s">
        <v>2187</v>
      </c>
      <c r="D2715" s="23" t="s">
        <v>2241</v>
      </c>
      <c r="E2715" s="1" t="str">
        <f t="shared" ref="E2715" si="623" xml:space="preserve"> HYPERLINK(CONCATENATE("http://www.sap.com/community/tag.html?id=",$F2715))</f>
        <v>http://www.sap.com/community/tag.html?id=73554900100800000081</v>
      </c>
      <c r="F2715" s="23" t="s">
        <v>4837</v>
      </c>
      <c r="G2715"/>
      <c r="H2715"/>
      <c r="I2715"/>
      <c r="J2715"/>
    </row>
    <row r="2716" spans="1:10" x14ac:dyDescent="0.25">
      <c r="A2716" s="15" t="s">
        <v>948</v>
      </c>
      <c r="B2716" s="16"/>
      <c r="C2716" s="16"/>
      <c r="D2716" s="16"/>
      <c r="E2716" s="16"/>
      <c r="F2716" s="20"/>
    </row>
    <row r="2717" spans="1:10" x14ac:dyDescent="0.25">
      <c r="A2717" s="7"/>
      <c r="B2717" t="s">
        <v>2174</v>
      </c>
      <c r="C2717"/>
      <c r="D2717" t="s">
        <v>2241</v>
      </c>
      <c r="E2717" s="1" t="str">
        <f t="shared" ref="E2717:E2780" si="624" xml:space="preserve"> HYPERLINK(CONCATENATE("http://www.sap.com/community/tag.html?id=",$F2717))</f>
        <v>http://www.sap.com/community/tag.html?id=397511424400755828374365287279243</v>
      </c>
      <c r="F2717" t="s">
        <v>4839</v>
      </c>
    </row>
    <row r="2718" spans="1:10" x14ac:dyDescent="0.25">
      <c r="A2718" s="7"/>
      <c r="B2718" t="s">
        <v>112</v>
      </c>
      <c r="C2718"/>
      <c r="D2718" t="s">
        <v>2241</v>
      </c>
      <c r="E2718" s="1" t="str">
        <f t="shared" si="624"/>
        <v>http://www.sap.com/community/tag.html?id=242586194391178517100436979900901</v>
      </c>
      <c r="F2718" t="s">
        <v>4840</v>
      </c>
    </row>
    <row r="2719" spans="1:10" x14ac:dyDescent="0.25">
      <c r="A2719" s="7"/>
      <c r="B2719" t="s">
        <v>1791</v>
      </c>
      <c r="C2719"/>
      <c r="D2719" t="s">
        <v>2241</v>
      </c>
      <c r="E2719" s="1" t="str">
        <f t="shared" si="624"/>
        <v>http://www.sap.com/community/tag.html?id=761831932935929195409379977340781</v>
      </c>
      <c r="F2719" t="s">
        <v>4841</v>
      </c>
    </row>
    <row r="2720" spans="1:10" x14ac:dyDescent="0.25">
      <c r="A2720" s="7"/>
      <c r="B2720" t="s">
        <v>1528</v>
      </c>
      <c r="C2720"/>
      <c r="D2720" t="s">
        <v>2241</v>
      </c>
      <c r="E2720" s="1" t="str">
        <f t="shared" si="624"/>
        <v>http://www.sap.com/community/tag.html?id=834511320631052684142696158061592</v>
      </c>
      <c r="F2720" t="s">
        <v>4842</v>
      </c>
    </row>
    <row r="2721" spans="1:6" x14ac:dyDescent="0.25">
      <c r="A2721" s="7"/>
      <c r="B2721" t="s">
        <v>1001</v>
      </c>
      <c r="C2721"/>
      <c r="D2721" t="s">
        <v>2241</v>
      </c>
      <c r="E2721" s="1" t="str">
        <f t="shared" si="624"/>
        <v>http://www.sap.com/community/tag.html?id=144344546671011469492893748922901</v>
      </c>
      <c r="F2721" t="s">
        <v>4843</v>
      </c>
    </row>
    <row r="2722" spans="1:6" x14ac:dyDescent="0.25">
      <c r="A2722" s="7"/>
      <c r="B2722" t="s">
        <v>1141</v>
      </c>
      <c r="C2722"/>
      <c r="D2722" t="s">
        <v>2241</v>
      </c>
      <c r="E2722" s="1" t="str">
        <f t="shared" si="624"/>
        <v>http://www.sap.com/community/tag.html?id=629415210715861850594980337814021</v>
      </c>
      <c r="F2722" t="s">
        <v>4844</v>
      </c>
    </row>
    <row r="2723" spans="1:6" x14ac:dyDescent="0.25">
      <c r="A2723" s="7"/>
      <c r="B2723" t="s">
        <v>1289</v>
      </c>
      <c r="C2723"/>
      <c r="D2723" t="s">
        <v>2241</v>
      </c>
      <c r="E2723" s="1" t="str">
        <f t="shared" si="624"/>
        <v>http://www.sap.com/community/tag.html?id=251465054721004088619393026581734</v>
      </c>
      <c r="F2723" t="s">
        <v>4845</v>
      </c>
    </row>
    <row r="2724" spans="1:6" x14ac:dyDescent="0.25">
      <c r="A2724" s="7"/>
      <c r="B2724" t="s">
        <v>326</v>
      </c>
      <c r="C2724"/>
      <c r="D2724" t="s">
        <v>2241</v>
      </c>
      <c r="E2724" s="1" t="str">
        <f t="shared" si="624"/>
        <v>http://www.sap.com/community/tag.html?id=469331370967273140413032092457519</v>
      </c>
      <c r="F2724" t="s">
        <v>4846</v>
      </c>
    </row>
    <row r="2725" spans="1:6" x14ac:dyDescent="0.25">
      <c r="A2725" s="7"/>
      <c r="B2725" t="s">
        <v>1795</v>
      </c>
      <c r="C2725"/>
      <c r="D2725" t="s">
        <v>2241</v>
      </c>
      <c r="E2725" s="1" t="str">
        <f t="shared" si="624"/>
        <v>http://www.sap.com/community/tag.html?id=369280904654660339247670897548678</v>
      </c>
      <c r="F2725" t="s">
        <v>4847</v>
      </c>
    </row>
    <row r="2726" spans="1:6" x14ac:dyDescent="0.25">
      <c r="A2726" s="7"/>
      <c r="B2726" t="s">
        <v>626</v>
      </c>
      <c r="C2726"/>
      <c r="D2726" t="s">
        <v>2241</v>
      </c>
      <c r="E2726" s="1" t="str">
        <f t="shared" si="624"/>
        <v>http://www.sap.com/community/tag.html?id=720735023700999283551380474299965</v>
      </c>
      <c r="F2726" t="s">
        <v>4848</v>
      </c>
    </row>
    <row r="2727" spans="1:6" x14ac:dyDescent="0.25">
      <c r="A2727" s="7"/>
      <c r="B2727" t="s">
        <v>897</v>
      </c>
      <c r="C2727"/>
      <c r="D2727" t="s">
        <v>2241</v>
      </c>
      <c r="E2727" s="1" t="str">
        <f t="shared" si="624"/>
        <v>http://www.sap.com/community/tag.html?id=835872679136515185293228681234825</v>
      </c>
      <c r="F2727" t="s">
        <v>4849</v>
      </c>
    </row>
    <row r="2728" spans="1:6" x14ac:dyDescent="0.25">
      <c r="A2728" s="7"/>
      <c r="B2728" t="s">
        <v>1876</v>
      </c>
      <c r="C2728"/>
      <c r="D2728" t="s">
        <v>2241</v>
      </c>
      <c r="E2728" s="1" t="str">
        <f t="shared" si="624"/>
        <v>http://www.sap.com/community/tag.html?id=337684911283545157914465705009179</v>
      </c>
      <c r="F2728" t="s">
        <v>4850</v>
      </c>
    </row>
    <row r="2729" spans="1:6" x14ac:dyDescent="0.25">
      <c r="A2729" s="7"/>
      <c r="B2729" t="s">
        <v>1670</v>
      </c>
      <c r="C2729"/>
      <c r="D2729" t="s">
        <v>2241</v>
      </c>
      <c r="E2729" s="1" t="str">
        <f t="shared" si="624"/>
        <v>http://www.sap.com/community/tag.html?id=362090813548382577915604715460332</v>
      </c>
      <c r="F2729" t="s">
        <v>4851</v>
      </c>
    </row>
    <row r="2730" spans="1:6" x14ac:dyDescent="0.25">
      <c r="A2730" s="7"/>
      <c r="B2730" t="s">
        <v>5134</v>
      </c>
      <c r="C2730"/>
      <c r="D2730" t="s">
        <v>2241</v>
      </c>
      <c r="E2730" s="1" t="str">
        <f t="shared" si="624"/>
        <v>http://www.sap.com/community/tag.html?id=511689111249479074500962158147418</v>
      </c>
      <c r="F2730" t="s">
        <v>5135</v>
      </c>
    </row>
    <row r="2731" spans="1:6" x14ac:dyDescent="0.25">
      <c r="A2731" s="7"/>
      <c r="B2731" t="s">
        <v>5136</v>
      </c>
      <c r="C2731"/>
      <c r="D2731" t="s">
        <v>2241</v>
      </c>
      <c r="E2731" s="1" t="str">
        <f t="shared" si="624"/>
        <v>http://www.sap.com/community/tag.html?id=825493229490678079515430289276035</v>
      </c>
      <c r="F2731" t="s">
        <v>5137</v>
      </c>
    </row>
    <row r="2732" spans="1:6" x14ac:dyDescent="0.25">
      <c r="A2732" s="7"/>
      <c r="B2732" t="s">
        <v>5138</v>
      </c>
      <c r="C2732"/>
      <c r="D2732" t="s">
        <v>2241</v>
      </c>
      <c r="E2732" s="1" t="str">
        <f t="shared" si="624"/>
        <v>http://www.sap.com/community/tag.html?id=569449780209093647095570245113309</v>
      </c>
      <c r="F2732" t="s">
        <v>5139</v>
      </c>
    </row>
    <row r="2733" spans="1:6" x14ac:dyDescent="0.25">
      <c r="A2733" s="7"/>
      <c r="B2733" t="s">
        <v>5140</v>
      </c>
      <c r="C2733"/>
      <c r="D2733" t="s">
        <v>2241</v>
      </c>
      <c r="E2733" s="1" t="str">
        <f t="shared" si="624"/>
        <v>http://www.sap.com/community/tag.html?id=522899869556788325823974243317861</v>
      </c>
      <c r="F2733" t="s">
        <v>5141</v>
      </c>
    </row>
    <row r="2734" spans="1:6" x14ac:dyDescent="0.25">
      <c r="A2734" s="7"/>
      <c r="B2734" t="s">
        <v>1841</v>
      </c>
      <c r="C2734"/>
      <c r="D2734" t="s">
        <v>2241</v>
      </c>
      <c r="E2734" s="1" t="str">
        <f t="shared" si="624"/>
        <v>http://www.sap.com/community/tag.html?id=487591118709456302511762181002127</v>
      </c>
      <c r="F2734" t="s">
        <v>4852</v>
      </c>
    </row>
    <row r="2735" spans="1:6" x14ac:dyDescent="0.25">
      <c r="A2735" s="7"/>
      <c r="B2735" t="s">
        <v>1471</v>
      </c>
      <c r="C2735"/>
      <c r="D2735" t="s">
        <v>2241</v>
      </c>
      <c r="E2735" s="1" t="str">
        <f t="shared" si="624"/>
        <v>http://www.sap.com/community/tag.html?id=250532329420517083811872973551597</v>
      </c>
      <c r="F2735" t="s">
        <v>4853</v>
      </c>
    </row>
    <row r="2736" spans="1:6" x14ac:dyDescent="0.25">
      <c r="A2736" s="7"/>
      <c r="B2736" t="s">
        <v>5207</v>
      </c>
      <c r="C2736"/>
      <c r="D2736" t="s">
        <v>2241</v>
      </c>
      <c r="E2736" s="1" t="str">
        <f t="shared" si="624"/>
        <v>http://www.sap.com/community/tag.html?id=145353862535740106451280793591913</v>
      </c>
      <c r="F2736" t="s">
        <v>5276</v>
      </c>
    </row>
    <row r="2737" spans="1:6" x14ac:dyDescent="0.25">
      <c r="A2737" s="7"/>
      <c r="B2737" t="s">
        <v>695</v>
      </c>
      <c r="C2737"/>
      <c r="D2737" t="s">
        <v>2241</v>
      </c>
      <c r="E2737" s="1" t="str">
        <f t="shared" si="624"/>
        <v>http://www.sap.com/community/tag.html?id=109727038885526549529502221547009</v>
      </c>
      <c r="F2737" t="s">
        <v>4854</v>
      </c>
    </row>
    <row r="2738" spans="1:6" x14ac:dyDescent="0.25">
      <c r="A2738" s="7"/>
      <c r="B2738" t="s">
        <v>2223</v>
      </c>
      <c r="C2738"/>
      <c r="D2738" t="s">
        <v>2241</v>
      </c>
      <c r="E2738" s="1" t="str">
        <f t="shared" si="624"/>
        <v>http://www.sap.com/community/tag.html?id=608404864495262084156195580530714</v>
      </c>
      <c r="F2738" t="s">
        <v>4855</v>
      </c>
    </row>
    <row r="2739" spans="1:6" x14ac:dyDescent="0.25">
      <c r="A2739" s="7"/>
      <c r="B2739" t="s">
        <v>941</v>
      </c>
      <c r="C2739"/>
      <c r="D2739" t="s">
        <v>2241</v>
      </c>
      <c r="E2739" s="1" t="str">
        <f t="shared" si="624"/>
        <v>http://www.sap.com/community/tag.html?id=99095397478732333391038510015357</v>
      </c>
      <c r="F2739" t="s">
        <v>4856</v>
      </c>
    </row>
    <row r="2740" spans="1:6" x14ac:dyDescent="0.25">
      <c r="A2740" s="7"/>
      <c r="B2740" t="s">
        <v>1438</v>
      </c>
      <c r="C2740"/>
      <c r="D2740" t="s">
        <v>2241</v>
      </c>
      <c r="E2740" s="1" t="str">
        <f t="shared" si="624"/>
        <v>http://www.sap.com/community/tag.html?id=7369775511208288220041649312782</v>
      </c>
      <c r="F2740" t="s">
        <v>4857</v>
      </c>
    </row>
    <row r="2741" spans="1:6" x14ac:dyDescent="0.25">
      <c r="A2741" s="7"/>
      <c r="B2741" t="s">
        <v>450</v>
      </c>
      <c r="C2741"/>
      <c r="D2741" t="s">
        <v>2241</v>
      </c>
      <c r="E2741" s="1" t="str">
        <f t="shared" si="624"/>
        <v>http://www.sap.com/community/tag.html?id=301473747573677570426448417661131</v>
      </c>
      <c r="F2741" t="s">
        <v>4858</v>
      </c>
    </row>
    <row r="2742" spans="1:6" x14ac:dyDescent="0.25">
      <c r="A2742" s="7"/>
      <c r="B2742" t="s">
        <v>242</v>
      </c>
      <c r="C2742"/>
      <c r="D2742" t="s">
        <v>2241</v>
      </c>
      <c r="E2742" s="1" t="str">
        <f t="shared" si="624"/>
        <v>http://www.sap.com/community/tag.html?id=490703784341742856261514359267853</v>
      </c>
      <c r="F2742" t="s">
        <v>4859</v>
      </c>
    </row>
    <row r="2743" spans="1:6" x14ac:dyDescent="0.25">
      <c r="A2743" s="7"/>
      <c r="B2743" t="s">
        <v>144</v>
      </c>
      <c r="C2743"/>
      <c r="D2743" t="s">
        <v>2241</v>
      </c>
      <c r="E2743" s="1" t="str">
        <f t="shared" si="624"/>
        <v>http://www.sap.com/community/tag.html?id=637115821191636376336141602158512</v>
      </c>
      <c r="F2743" t="s">
        <v>4860</v>
      </c>
    </row>
    <row r="2744" spans="1:6" x14ac:dyDescent="0.25">
      <c r="A2744" s="7"/>
      <c r="B2744" t="s">
        <v>133</v>
      </c>
      <c r="C2744"/>
      <c r="D2744" t="s">
        <v>2241</v>
      </c>
      <c r="E2744" s="1" t="str">
        <f t="shared" si="624"/>
        <v>http://www.sap.com/community/tag.html?id=336839465795980684603250734763165</v>
      </c>
      <c r="F2744" t="s">
        <v>4861</v>
      </c>
    </row>
    <row r="2745" spans="1:6" x14ac:dyDescent="0.25">
      <c r="A2745" s="7"/>
      <c r="B2745" t="s">
        <v>1160</v>
      </c>
      <c r="C2745"/>
      <c r="D2745" t="s">
        <v>2241</v>
      </c>
      <c r="E2745" s="1" t="str">
        <f t="shared" si="624"/>
        <v>http://www.sap.com/community/tag.html?id=861825950249735278072624216785660</v>
      </c>
      <c r="F2745" t="s">
        <v>4862</v>
      </c>
    </row>
    <row r="2746" spans="1:6" x14ac:dyDescent="0.25">
      <c r="A2746" s="7"/>
      <c r="B2746" t="s">
        <v>161</v>
      </c>
      <c r="C2746"/>
      <c r="D2746" t="s">
        <v>2241</v>
      </c>
      <c r="E2746" s="1" t="str">
        <f t="shared" si="624"/>
        <v>http://www.sap.com/community/tag.html?id=613314084077778299166571926615629</v>
      </c>
      <c r="F2746" t="s">
        <v>4864</v>
      </c>
    </row>
    <row r="2747" spans="1:6" x14ac:dyDescent="0.25">
      <c r="A2747" s="7"/>
      <c r="B2747" t="s">
        <v>5464</v>
      </c>
      <c r="C2747"/>
      <c r="D2747" t="s">
        <v>2241</v>
      </c>
      <c r="E2747" s="1" t="str">
        <f t="shared" si="624"/>
        <v>http://www.sap.com/community/tag.html?id=212269919429502086862800135639950</v>
      </c>
      <c r="F2747" t="s">
        <v>5162</v>
      </c>
    </row>
    <row r="2748" spans="1:6" x14ac:dyDescent="0.25">
      <c r="A2748" s="7"/>
      <c r="B2748" t="s">
        <v>5465</v>
      </c>
      <c r="C2748"/>
      <c r="D2748" t="s">
        <v>2241</v>
      </c>
      <c r="E2748" s="1" t="str">
        <f t="shared" si="624"/>
        <v>http://www.sap.com/community/tag.html?id=192798129450263425409096799593312</v>
      </c>
      <c r="F2748" t="s">
        <v>5163</v>
      </c>
    </row>
    <row r="2749" spans="1:6" x14ac:dyDescent="0.25">
      <c r="A2749" s="7"/>
      <c r="B2749" t="s">
        <v>5466</v>
      </c>
      <c r="C2749"/>
      <c r="D2749" t="s">
        <v>2241</v>
      </c>
      <c r="E2749" s="1" t="str">
        <f t="shared" si="624"/>
        <v>http://www.sap.com/community/tag.html?id=674879738150278190016884561790060</v>
      </c>
      <c r="F2749" t="s">
        <v>5164</v>
      </c>
    </row>
    <row r="2750" spans="1:6" x14ac:dyDescent="0.25">
      <c r="A2750" s="7"/>
      <c r="B2750" t="s">
        <v>5467</v>
      </c>
      <c r="C2750"/>
      <c r="D2750" t="s">
        <v>2241</v>
      </c>
      <c r="E2750" s="1" t="str">
        <f t="shared" si="624"/>
        <v>http://www.sap.com/community/tag.html?id=866234868597946653151414257432264</v>
      </c>
      <c r="F2750" t="s">
        <v>5165</v>
      </c>
    </row>
    <row r="2751" spans="1:6" x14ac:dyDescent="0.25">
      <c r="A2751" s="7"/>
      <c r="B2751" t="s">
        <v>5468</v>
      </c>
      <c r="C2751"/>
      <c r="D2751" t="s">
        <v>2241</v>
      </c>
      <c r="E2751" s="1" t="str">
        <f t="shared" si="624"/>
        <v>http://www.sap.com/community/tag.html?id=828895203045710275663878834115743</v>
      </c>
      <c r="F2751" t="s">
        <v>5166</v>
      </c>
    </row>
    <row r="2752" spans="1:6" x14ac:dyDescent="0.25">
      <c r="A2752" s="7"/>
      <c r="B2752" t="s">
        <v>5469</v>
      </c>
      <c r="C2752"/>
      <c r="D2752" t="s">
        <v>2241</v>
      </c>
      <c r="E2752" s="1" t="str">
        <f t="shared" si="624"/>
        <v>http://www.sap.com/community/tag.html?id=428351855965480178787051895911518</v>
      </c>
      <c r="F2752" t="s">
        <v>5167</v>
      </c>
    </row>
    <row r="2753" spans="1:6" x14ac:dyDescent="0.25">
      <c r="A2753" s="7"/>
      <c r="B2753" t="s">
        <v>5470</v>
      </c>
      <c r="C2753"/>
      <c r="D2753" t="s">
        <v>2241</v>
      </c>
      <c r="E2753" s="1" t="str">
        <f t="shared" si="624"/>
        <v>http://www.sap.com/community/tag.html?id=382876162660666448662353059935346</v>
      </c>
      <c r="F2753" t="s">
        <v>5168</v>
      </c>
    </row>
    <row r="2754" spans="1:6" x14ac:dyDescent="0.25">
      <c r="A2754" s="7"/>
      <c r="B2754" t="s">
        <v>5472</v>
      </c>
      <c r="C2754"/>
      <c r="D2754" t="s">
        <v>2241</v>
      </c>
      <c r="E2754" s="1" t="str">
        <f t="shared" si="624"/>
        <v>http://www.sap.com/community/tag.html?id=551700313515132864819929295213440</v>
      </c>
      <c r="F2754" t="s">
        <v>5471</v>
      </c>
    </row>
    <row r="2755" spans="1:6" x14ac:dyDescent="0.25">
      <c r="A2755" s="7"/>
      <c r="B2755" t="s">
        <v>5473</v>
      </c>
      <c r="C2755"/>
      <c r="D2755" t="s">
        <v>2241</v>
      </c>
      <c r="E2755" s="1" t="str">
        <f t="shared" si="624"/>
        <v>http://www.sap.com/community/tag.html?id=71377809964503371362256198716194</v>
      </c>
      <c r="F2755" t="s">
        <v>5169</v>
      </c>
    </row>
    <row r="2756" spans="1:6" x14ac:dyDescent="0.25">
      <c r="A2756" s="7"/>
      <c r="B2756" t="s">
        <v>1064</v>
      </c>
      <c r="C2756"/>
      <c r="D2756" t="s">
        <v>2241</v>
      </c>
      <c r="E2756" s="1" t="str">
        <f t="shared" si="624"/>
        <v>http://www.sap.com/community/tag.html?id=648420875567243523242285841826221</v>
      </c>
      <c r="F2756" t="s">
        <v>4865</v>
      </c>
    </row>
    <row r="2757" spans="1:6" x14ac:dyDescent="0.25">
      <c r="A2757" s="7"/>
      <c r="B2757" t="s">
        <v>447</v>
      </c>
      <c r="C2757"/>
      <c r="D2757" t="s">
        <v>2241</v>
      </c>
      <c r="E2757" s="1" t="str">
        <f t="shared" si="624"/>
        <v>http://www.sap.com/community/tag.html?id=173284387196962001652277559265438</v>
      </c>
      <c r="F2757" t="s">
        <v>4866</v>
      </c>
    </row>
    <row r="2758" spans="1:6" x14ac:dyDescent="0.25">
      <c r="A2758" s="7"/>
      <c r="B2758" t="s">
        <v>1813</v>
      </c>
      <c r="C2758"/>
      <c r="D2758" t="s">
        <v>2241</v>
      </c>
      <c r="E2758" s="1" t="str">
        <f t="shared" si="624"/>
        <v>http://www.sap.com/community/tag.html?id=253758978139952938680563247610563</v>
      </c>
      <c r="F2758" t="s">
        <v>4867</v>
      </c>
    </row>
    <row r="2759" spans="1:6" x14ac:dyDescent="0.25">
      <c r="A2759" s="7"/>
      <c r="B2759" t="s">
        <v>5142</v>
      </c>
      <c r="C2759"/>
      <c r="D2759" t="s">
        <v>2241</v>
      </c>
      <c r="E2759" s="1" t="str">
        <f t="shared" si="624"/>
        <v>http://www.sap.com/community/tag.html?id=165620436719020770281003919169463</v>
      </c>
      <c r="F2759" t="s">
        <v>5143</v>
      </c>
    </row>
    <row r="2760" spans="1:6" x14ac:dyDescent="0.25">
      <c r="A2760" s="7"/>
      <c r="B2760" t="s">
        <v>1129</v>
      </c>
      <c r="C2760"/>
      <c r="D2760" t="s">
        <v>2241</v>
      </c>
      <c r="E2760" s="1" t="str">
        <f t="shared" si="624"/>
        <v>http://www.sap.com/community/tag.html?id=150829930751936077431054159687593</v>
      </c>
      <c r="F2760" t="s">
        <v>4868</v>
      </c>
    </row>
    <row r="2761" spans="1:6" x14ac:dyDescent="0.25">
      <c r="A2761" s="7"/>
      <c r="B2761" t="s">
        <v>777</v>
      </c>
      <c r="C2761"/>
      <c r="D2761" t="s">
        <v>2241</v>
      </c>
      <c r="E2761" s="1" t="str">
        <f t="shared" si="624"/>
        <v>http://www.sap.com/community/tag.html?id=165905235116577077914579113243106</v>
      </c>
      <c r="F2761" t="s">
        <v>4869</v>
      </c>
    </row>
    <row r="2762" spans="1:6" x14ac:dyDescent="0.25">
      <c r="A2762" s="7"/>
      <c r="B2762" t="s">
        <v>5475</v>
      </c>
      <c r="C2762"/>
      <c r="D2762" t="s">
        <v>2241</v>
      </c>
      <c r="E2762" s="1" t="str">
        <f t="shared" si="624"/>
        <v>http://www.sap.com/community/tag.html?id=251991085556036308395324851400611</v>
      </c>
      <c r="F2762" t="s">
        <v>5474</v>
      </c>
    </row>
    <row r="2763" spans="1:6" x14ac:dyDescent="0.25">
      <c r="A2763" s="7"/>
      <c r="B2763" t="s">
        <v>465</v>
      </c>
      <c r="C2763"/>
      <c r="D2763" t="s">
        <v>2241</v>
      </c>
      <c r="E2763" s="1" t="str">
        <f t="shared" si="624"/>
        <v>http://www.sap.com/community/tag.html?id=730675364711336502447029666317013</v>
      </c>
      <c r="F2763" t="s">
        <v>4870</v>
      </c>
    </row>
    <row r="2764" spans="1:6" x14ac:dyDescent="0.25">
      <c r="A2764" s="7"/>
      <c r="B2764" t="s">
        <v>1583</v>
      </c>
      <c r="C2764"/>
      <c r="D2764" t="s">
        <v>2241</v>
      </c>
      <c r="E2764" s="1" t="str">
        <f t="shared" si="624"/>
        <v>http://www.sap.com/community/tag.html?id=141573396494884189617506284133567</v>
      </c>
      <c r="F2764" t="s">
        <v>4871</v>
      </c>
    </row>
    <row r="2765" spans="1:6" x14ac:dyDescent="0.25">
      <c r="A2765" s="7"/>
      <c r="B2765" t="s">
        <v>2229</v>
      </c>
      <c r="C2765"/>
      <c r="D2765" t="s">
        <v>2241</v>
      </c>
      <c r="E2765" s="1" t="str">
        <f t="shared" si="624"/>
        <v>http://www.sap.com/community/tag.html?id=513348383112000324236933757996524</v>
      </c>
      <c r="F2765" t="s">
        <v>4872</v>
      </c>
    </row>
    <row r="2766" spans="1:6" x14ac:dyDescent="0.25">
      <c r="A2766" s="7"/>
      <c r="B2766" t="s">
        <v>5477</v>
      </c>
      <c r="C2766"/>
      <c r="D2766" t="s">
        <v>2241</v>
      </c>
      <c r="E2766" s="1" t="str">
        <f t="shared" si="624"/>
        <v>http://www.sap.com/community/tag.html?id=563941389332815462566219879359959</v>
      </c>
      <c r="F2766" t="s">
        <v>5476</v>
      </c>
    </row>
    <row r="2767" spans="1:6" x14ac:dyDescent="0.25">
      <c r="A2767" s="7"/>
      <c r="B2767" t="s">
        <v>5479</v>
      </c>
      <c r="C2767"/>
      <c r="D2767" t="s">
        <v>2241</v>
      </c>
      <c r="E2767" s="1" t="str">
        <f t="shared" si="624"/>
        <v>http://www.sap.com/community/tag.html?id=54665415427248202214443291669828</v>
      </c>
      <c r="F2767" t="s">
        <v>5478</v>
      </c>
    </row>
    <row r="2768" spans="1:6" x14ac:dyDescent="0.25">
      <c r="A2768" s="7"/>
      <c r="B2768" t="s">
        <v>5481</v>
      </c>
      <c r="C2768"/>
      <c r="D2768" t="s">
        <v>2241</v>
      </c>
      <c r="E2768" s="1" t="str">
        <f t="shared" si="624"/>
        <v>http://www.sap.com/community/tag.html?id=358222020303511614172622269860016</v>
      </c>
      <c r="F2768" t="s">
        <v>5480</v>
      </c>
    </row>
    <row r="2769" spans="1:6" x14ac:dyDescent="0.25">
      <c r="A2769" s="7"/>
      <c r="B2769" t="s">
        <v>5483</v>
      </c>
      <c r="C2769"/>
      <c r="D2769" t="s">
        <v>2241</v>
      </c>
      <c r="E2769" s="1" t="str">
        <f t="shared" si="624"/>
        <v>http://www.sap.com/community/tag.html?id=65358973351105719195976340905046</v>
      </c>
      <c r="F2769" t="s">
        <v>5482</v>
      </c>
    </row>
    <row r="2770" spans="1:6" x14ac:dyDescent="0.25">
      <c r="A2770" s="7"/>
      <c r="B2770" t="s">
        <v>5485</v>
      </c>
      <c r="C2770"/>
      <c r="D2770" t="s">
        <v>2241</v>
      </c>
      <c r="E2770" s="1" t="str">
        <f t="shared" si="624"/>
        <v>http://www.sap.com/community/tag.html?id=389743771345850033619361086418676</v>
      </c>
      <c r="F2770" t="s">
        <v>5484</v>
      </c>
    </row>
    <row r="2771" spans="1:6" x14ac:dyDescent="0.25">
      <c r="A2771" s="7"/>
      <c r="B2771" t="s">
        <v>5487</v>
      </c>
      <c r="C2771"/>
      <c r="D2771" t="s">
        <v>2241</v>
      </c>
      <c r="E2771" s="1" t="str">
        <f t="shared" si="624"/>
        <v>http://www.sap.com/community/tag.html?id=613822505147182106635670536063341</v>
      </c>
      <c r="F2771" t="s">
        <v>5486</v>
      </c>
    </row>
    <row r="2772" spans="1:6" x14ac:dyDescent="0.25">
      <c r="A2772" s="7"/>
      <c r="B2772" t="s">
        <v>5489</v>
      </c>
      <c r="C2772"/>
      <c r="D2772" t="s">
        <v>2241</v>
      </c>
      <c r="E2772" s="1" t="str">
        <f t="shared" si="624"/>
        <v>http://www.sap.com/community/tag.html?id=511106278398416924538843938073424</v>
      </c>
      <c r="F2772" t="s">
        <v>5488</v>
      </c>
    </row>
    <row r="2773" spans="1:6" x14ac:dyDescent="0.25">
      <c r="A2773" s="7"/>
      <c r="B2773" t="s">
        <v>1763</v>
      </c>
      <c r="C2773"/>
      <c r="D2773" t="s">
        <v>2241</v>
      </c>
      <c r="E2773" s="1" t="str">
        <f t="shared" si="624"/>
        <v>http://www.sap.com/community/tag.html?id=772186030384324326762083474531412</v>
      </c>
      <c r="F2773" t="s">
        <v>4873</v>
      </c>
    </row>
    <row r="2774" spans="1:6" x14ac:dyDescent="0.25">
      <c r="A2774" s="7"/>
      <c r="B2774" t="s">
        <v>5491</v>
      </c>
      <c r="C2774"/>
      <c r="D2774" t="s">
        <v>2241</v>
      </c>
      <c r="E2774" s="1" t="str">
        <f t="shared" si="624"/>
        <v>http://www.sap.com/community/tag.html?id=638828435563833322521896520567716</v>
      </c>
      <c r="F2774" t="s">
        <v>5490</v>
      </c>
    </row>
    <row r="2775" spans="1:6" x14ac:dyDescent="0.25">
      <c r="A2775" s="7"/>
      <c r="B2775" t="s">
        <v>5493</v>
      </c>
      <c r="C2775"/>
      <c r="D2775" t="s">
        <v>2241</v>
      </c>
      <c r="E2775" s="1" t="str">
        <f t="shared" si="624"/>
        <v>http://www.sap.com/community/tag.html?id=301750250739038258587291577660091</v>
      </c>
      <c r="F2775" t="s">
        <v>5492</v>
      </c>
    </row>
    <row r="2776" spans="1:6" x14ac:dyDescent="0.25">
      <c r="A2776" s="7"/>
      <c r="B2776" t="s">
        <v>5495</v>
      </c>
      <c r="C2776"/>
      <c r="D2776" t="s">
        <v>2241</v>
      </c>
      <c r="E2776" s="1" t="str">
        <f t="shared" si="624"/>
        <v>http://www.sap.com/community/tag.html?id=368252775582391257383490099411464</v>
      </c>
      <c r="F2776" t="s">
        <v>5494</v>
      </c>
    </row>
    <row r="2777" spans="1:6" x14ac:dyDescent="0.25">
      <c r="A2777" s="7"/>
      <c r="B2777" t="s">
        <v>1169</v>
      </c>
      <c r="C2777"/>
      <c r="D2777" t="s">
        <v>2241</v>
      </c>
      <c r="E2777" s="1" t="str">
        <f t="shared" si="624"/>
        <v>http://www.sap.com/community/tag.html?id=264894377039418246026069369078331</v>
      </c>
      <c r="F2777" t="s">
        <v>4874</v>
      </c>
    </row>
    <row r="2778" spans="1:6" x14ac:dyDescent="0.25">
      <c r="A2778" s="7"/>
      <c r="B2778" t="s">
        <v>5497</v>
      </c>
      <c r="C2778"/>
      <c r="D2778" t="s">
        <v>2241</v>
      </c>
      <c r="E2778" s="1" t="str">
        <f t="shared" si="624"/>
        <v>http://www.sap.com/community/tag.html?id=877037477253701779391072688047580</v>
      </c>
      <c r="F2778" t="s">
        <v>5496</v>
      </c>
    </row>
    <row r="2779" spans="1:6" x14ac:dyDescent="0.25">
      <c r="A2779" s="7"/>
      <c r="B2779" t="s">
        <v>1176</v>
      </c>
      <c r="C2779"/>
      <c r="D2779" t="s">
        <v>2241</v>
      </c>
      <c r="E2779" s="1" t="str">
        <f t="shared" si="624"/>
        <v>http://www.sap.com/community/tag.html?id=337652377312707847655034343398545</v>
      </c>
      <c r="F2779" t="s">
        <v>4875</v>
      </c>
    </row>
    <row r="2780" spans="1:6" x14ac:dyDescent="0.25">
      <c r="A2780" s="7"/>
      <c r="B2780" t="s">
        <v>1424</v>
      </c>
      <c r="C2780"/>
      <c r="D2780" t="s">
        <v>2241</v>
      </c>
      <c r="E2780" s="1" t="str">
        <f t="shared" si="624"/>
        <v>http://www.sap.com/community/tag.html?id=506578197626473234529624753618175</v>
      </c>
      <c r="F2780" t="s">
        <v>4876</v>
      </c>
    </row>
    <row r="2781" spans="1:6" x14ac:dyDescent="0.25">
      <c r="A2781" s="7"/>
      <c r="B2781" t="s">
        <v>5499</v>
      </c>
      <c r="C2781"/>
      <c r="D2781" t="s">
        <v>2241</v>
      </c>
      <c r="E2781" s="1" t="str">
        <f t="shared" ref="E2781:E2844" si="625" xml:space="preserve"> HYPERLINK(CONCATENATE("http://www.sap.com/community/tag.html?id=",$F2781))</f>
        <v>http://www.sap.com/community/tag.html?id=255433781229384346413937246009823</v>
      </c>
      <c r="F2781" t="s">
        <v>5498</v>
      </c>
    </row>
    <row r="2782" spans="1:6" x14ac:dyDescent="0.25">
      <c r="A2782" s="7"/>
      <c r="B2782" t="s">
        <v>5144</v>
      </c>
      <c r="C2782"/>
      <c r="D2782" t="s">
        <v>2241</v>
      </c>
      <c r="E2782" s="1" t="str">
        <f t="shared" si="625"/>
        <v>http://www.sap.com/community/tag.html?id=294927749087693590293059784607365</v>
      </c>
      <c r="F2782" t="s">
        <v>5145</v>
      </c>
    </row>
    <row r="2783" spans="1:6" x14ac:dyDescent="0.25">
      <c r="A2783" s="7"/>
      <c r="B2783" t="s">
        <v>1888</v>
      </c>
      <c r="C2783"/>
      <c r="D2783" t="s">
        <v>2241</v>
      </c>
      <c r="E2783" s="1" t="str">
        <f t="shared" si="625"/>
        <v>http://www.sap.com/community/tag.html?id=26220882342286075781792349618930</v>
      </c>
      <c r="F2783" t="s">
        <v>4877</v>
      </c>
    </row>
    <row r="2784" spans="1:6" x14ac:dyDescent="0.25">
      <c r="A2784" s="7"/>
      <c r="B2784" t="s">
        <v>5208</v>
      </c>
      <c r="C2784"/>
      <c r="D2784" t="s">
        <v>2241</v>
      </c>
      <c r="E2784" s="1" t="str">
        <f t="shared" si="625"/>
        <v>http://www.sap.com/community/tag.html?id=700685152738704726092051961608528</v>
      </c>
      <c r="F2784" t="s">
        <v>5277</v>
      </c>
    </row>
    <row r="2785" spans="1:6" x14ac:dyDescent="0.25">
      <c r="A2785" s="7"/>
      <c r="B2785" t="s">
        <v>5209</v>
      </c>
      <c r="C2785"/>
      <c r="D2785" t="s">
        <v>2241</v>
      </c>
      <c r="E2785" s="1" t="str">
        <f t="shared" si="625"/>
        <v>http://www.sap.com/community/tag.html?id=636377940841841425690494456872529</v>
      </c>
      <c r="F2785" t="s">
        <v>5278</v>
      </c>
    </row>
    <row r="2786" spans="1:6" x14ac:dyDescent="0.25">
      <c r="A2786" s="7"/>
      <c r="B2786" t="s">
        <v>67</v>
      </c>
      <c r="C2786"/>
      <c r="D2786" t="s">
        <v>2241</v>
      </c>
      <c r="E2786" s="1" t="str">
        <f t="shared" si="625"/>
        <v>http://www.sap.com/community/tag.html?id=399814863717995876203615023559515</v>
      </c>
      <c r="F2786" t="s">
        <v>4878</v>
      </c>
    </row>
    <row r="2787" spans="1:6" x14ac:dyDescent="0.25">
      <c r="A2787" s="7"/>
      <c r="B2787" t="s">
        <v>5210</v>
      </c>
      <c r="C2787"/>
      <c r="D2787" t="s">
        <v>2241</v>
      </c>
      <c r="E2787" s="1" t="str">
        <f t="shared" si="625"/>
        <v>http://www.sap.com/community/tag.html?id=535663533964605882271989459345812</v>
      </c>
      <c r="F2787" t="s">
        <v>5279</v>
      </c>
    </row>
    <row r="2788" spans="1:6" x14ac:dyDescent="0.25">
      <c r="A2788" s="7"/>
      <c r="B2788" t="s">
        <v>5211</v>
      </c>
      <c r="C2788"/>
      <c r="D2788" t="s">
        <v>2241</v>
      </c>
      <c r="E2788" s="1" t="str">
        <f t="shared" si="625"/>
        <v>http://www.sap.com/community/tag.html?id=92358120129279796618053964031563</v>
      </c>
      <c r="F2788" t="s">
        <v>5280</v>
      </c>
    </row>
    <row r="2789" spans="1:6" x14ac:dyDescent="0.25">
      <c r="A2789" s="7"/>
      <c r="B2789" t="s">
        <v>165</v>
      </c>
      <c r="C2789"/>
      <c r="D2789" t="s">
        <v>2241</v>
      </c>
      <c r="E2789" s="1" t="str">
        <f t="shared" si="625"/>
        <v>http://www.sap.com/community/tag.html?id=876183488136006443277436937502869</v>
      </c>
      <c r="F2789" t="s">
        <v>4879</v>
      </c>
    </row>
    <row r="2790" spans="1:6" x14ac:dyDescent="0.25">
      <c r="A2790" s="7"/>
      <c r="B2790" t="s">
        <v>5212</v>
      </c>
      <c r="C2790"/>
      <c r="D2790" t="s">
        <v>2241</v>
      </c>
      <c r="E2790" s="1" t="str">
        <f t="shared" si="625"/>
        <v>http://www.sap.com/community/tag.html?id=483388333794471659071038152261590</v>
      </c>
      <c r="F2790" t="s">
        <v>5281</v>
      </c>
    </row>
    <row r="2791" spans="1:6" x14ac:dyDescent="0.25">
      <c r="A2791" s="7"/>
      <c r="B2791" t="s">
        <v>419</v>
      </c>
      <c r="C2791"/>
      <c r="D2791" t="s">
        <v>2241</v>
      </c>
      <c r="E2791" s="1" t="str">
        <f t="shared" si="625"/>
        <v>http://www.sap.com/community/tag.html?id=372556673030062693282256213775139</v>
      </c>
      <c r="F2791" t="s">
        <v>4880</v>
      </c>
    </row>
    <row r="2792" spans="1:6" x14ac:dyDescent="0.25">
      <c r="A2792" s="7"/>
      <c r="B2792" t="s">
        <v>5213</v>
      </c>
      <c r="C2792"/>
      <c r="D2792" t="s">
        <v>2241</v>
      </c>
      <c r="E2792" s="1" t="str">
        <f t="shared" si="625"/>
        <v>http://www.sap.com/community/tag.html?id=888956899957636689734059424066885</v>
      </c>
      <c r="F2792" t="s">
        <v>5282</v>
      </c>
    </row>
    <row r="2793" spans="1:6" x14ac:dyDescent="0.25">
      <c r="A2793" s="7"/>
      <c r="B2793" t="s">
        <v>5214</v>
      </c>
      <c r="C2793"/>
      <c r="D2793" t="s">
        <v>2241</v>
      </c>
      <c r="E2793" s="1" t="str">
        <f t="shared" si="625"/>
        <v>http://www.sap.com/community/tag.html?id=163602564341548008822232156328575</v>
      </c>
      <c r="F2793" t="s">
        <v>5283</v>
      </c>
    </row>
    <row r="2794" spans="1:6" x14ac:dyDescent="0.25">
      <c r="A2794" s="7"/>
      <c r="B2794" t="s">
        <v>939</v>
      </c>
      <c r="C2794"/>
      <c r="D2794" t="s">
        <v>2241</v>
      </c>
      <c r="E2794" s="1" t="str">
        <f t="shared" si="625"/>
        <v>http://www.sap.com/community/tag.html?id=102501935715401684842086921887896</v>
      </c>
      <c r="F2794" t="s">
        <v>4881</v>
      </c>
    </row>
    <row r="2795" spans="1:6" x14ac:dyDescent="0.25">
      <c r="A2795" s="7"/>
      <c r="B2795" t="s">
        <v>5215</v>
      </c>
      <c r="C2795"/>
      <c r="D2795" t="s">
        <v>2241</v>
      </c>
      <c r="E2795" s="1" t="str">
        <f t="shared" si="625"/>
        <v>http://www.sap.com/community/tag.html?id=16576094944873539372672186327710</v>
      </c>
      <c r="F2795" t="s">
        <v>5284</v>
      </c>
    </row>
    <row r="2796" spans="1:6" x14ac:dyDescent="0.25">
      <c r="A2796" s="7"/>
      <c r="B2796" t="s">
        <v>1429</v>
      </c>
      <c r="C2796"/>
      <c r="D2796" t="s">
        <v>2241</v>
      </c>
      <c r="E2796" s="1" t="str">
        <f t="shared" si="625"/>
        <v>http://www.sap.com/community/tag.html?id=517106488272734260515465412269325</v>
      </c>
      <c r="F2796" t="s">
        <v>4882</v>
      </c>
    </row>
    <row r="2797" spans="1:6" x14ac:dyDescent="0.25">
      <c r="A2797" s="7"/>
      <c r="B2797" t="s">
        <v>5216</v>
      </c>
      <c r="C2797"/>
      <c r="D2797" t="s">
        <v>2241</v>
      </c>
      <c r="E2797" s="1" t="str">
        <f t="shared" si="625"/>
        <v>http://www.sap.com/community/tag.html?id=815038855683522821878983577528598</v>
      </c>
      <c r="F2797" t="s">
        <v>5285</v>
      </c>
    </row>
    <row r="2798" spans="1:6" x14ac:dyDescent="0.25">
      <c r="A2798" s="7"/>
      <c r="B2798" t="s">
        <v>1294</v>
      </c>
      <c r="C2798"/>
      <c r="D2798" t="s">
        <v>2241</v>
      </c>
      <c r="E2798" s="1" t="str">
        <f t="shared" si="625"/>
        <v>http://www.sap.com/community/tag.html?id=704186949592532834965770097265030</v>
      </c>
      <c r="F2798" t="s">
        <v>4883</v>
      </c>
    </row>
    <row r="2799" spans="1:6" x14ac:dyDescent="0.25">
      <c r="A2799" s="7"/>
      <c r="B2799" t="s">
        <v>5217</v>
      </c>
      <c r="C2799"/>
      <c r="D2799" t="s">
        <v>2241</v>
      </c>
      <c r="E2799" s="1" t="str">
        <f t="shared" si="625"/>
        <v>http://www.sap.com/community/tag.html?id=386464755075417684567979074785183</v>
      </c>
      <c r="F2799" t="s">
        <v>5286</v>
      </c>
    </row>
    <row r="2800" spans="1:6" x14ac:dyDescent="0.25">
      <c r="A2800" s="7"/>
      <c r="B2800" t="s">
        <v>5218</v>
      </c>
      <c r="C2800"/>
      <c r="D2800" t="s">
        <v>2241</v>
      </c>
      <c r="E2800" s="1" t="str">
        <f t="shared" si="625"/>
        <v>http://www.sap.com/community/tag.html?id=386464755075217683571520356556041</v>
      </c>
      <c r="F2800" t="s">
        <v>5287</v>
      </c>
    </row>
    <row r="2801" spans="1:6" x14ac:dyDescent="0.25">
      <c r="A2801" s="7"/>
      <c r="B2801" t="s">
        <v>5219</v>
      </c>
      <c r="C2801"/>
      <c r="D2801" t="s">
        <v>2241</v>
      </c>
      <c r="E2801" s="1" t="str">
        <f t="shared" si="625"/>
        <v>http://www.sap.com/community/tag.html?id=212057415524185211979102894828407</v>
      </c>
      <c r="F2801" t="s">
        <v>5288</v>
      </c>
    </row>
    <row r="2802" spans="1:6" x14ac:dyDescent="0.25">
      <c r="A2802" s="7"/>
      <c r="B2802" t="s">
        <v>5220</v>
      </c>
      <c r="C2802"/>
      <c r="D2802" t="s">
        <v>2241</v>
      </c>
      <c r="E2802" s="1" t="str">
        <f t="shared" si="625"/>
        <v>http://www.sap.com/community/tag.html?id=872153825432002004390804649844638</v>
      </c>
      <c r="F2802" t="s">
        <v>5289</v>
      </c>
    </row>
    <row r="2803" spans="1:6" x14ac:dyDescent="0.25">
      <c r="A2803" s="7"/>
      <c r="B2803" t="s">
        <v>5221</v>
      </c>
      <c r="C2803"/>
      <c r="D2803" t="s">
        <v>2241</v>
      </c>
      <c r="E2803" s="1" t="str">
        <f t="shared" si="625"/>
        <v>http://www.sap.com/community/tag.html?id=667716950906909713244582033478680</v>
      </c>
      <c r="F2803" t="s">
        <v>5290</v>
      </c>
    </row>
    <row r="2804" spans="1:6" x14ac:dyDescent="0.25">
      <c r="A2804" s="7"/>
      <c r="B2804" t="s">
        <v>5222</v>
      </c>
      <c r="C2804"/>
      <c r="D2804" t="s">
        <v>2241</v>
      </c>
      <c r="E2804" s="1" t="str">
        <f t="shared" si="625"/>
        <v>http://www.sap.com/community/tag.html?id=269634778680506593702484329723834</v>
      </c>
      <c r="F2804" t="s">
        <v>5291</v>
      </c>
    </row>
    <row r="2805" spans="1:6" x14ac:dyDescent="0.25">
      <c r="A2805" s="7"/>
      <c r="B2805" t="s">
        <v>5223</v>
      </c>
      <c r="C2805"/>
      <c r="D2805" t="s">
        <v>2241</v>
      </c>
      <c r="E2805" s="1" t="str">
        <f t="shared" si="625"/>
        <v>http://www.sap.com/community/tag.html?id=789058885464718152426819920246720</v>
      </c>
      <c r="F2805" t="s">
        <v>5292</v>
      </c>
    </row>
    <row r="2806" spans="1:6" x14ac:dyDescent="0.25">
      <c r="A2806" s="7"/>
      <c r="B2806" t="s">
        <v>5224</v>
      </c>
      <c r="C2806"/>
      <c r="D2806" t="s">
        <v>2241</v>
      </c>
      <c r="E2806" s="1" t="str">
        <f t="shared" si="625"/>
        <v>http://www.sap.com/community/tag.html?id=641827952505559334722160834894168</v>
      </c>
      <c r="F2806" t="s">
        <v>5293</v>
      </c>
    </row>
    <row r="2807" spans="1:6" x14ac:dyDescent="0.25">
      <c r="A2807" s="7"/>
      <c r="B2807" t="s">
        <v>5225</v>
      </c>
      <c r="C2807"/>
      <c r="D2807" t="s">
        <v>2241</v>
      </c>
      <c r="E2807" s="1" t="str">
        <f t="shared" si="625"/>
        <v>http://www.sap.com/community/tag.html?id=708787881494982143400246730440811</v>
      </c>
      <c r="F2807" t="s">
        <v>5294</v>
      </c>
    </row>
    <row r="2808" spans="1:6" x14ac:dyDescent="0.25">
      <c r="A2808" s="7"/>
      <c r="B2808" t="s">
        <v>526</v>
      </c>
      <c r="C2808"/>
      <c r="D2808" t="s">
        <v>2241</v>
      </c>
      <c r="E2808" s="1" t="str">
        <f t="shared" si="625"/>
        <v>http://www.sap.com/community/tag.html?id=617290999224539572356275228649156</v>
      </c>
      <c r="F2808" t="s">
        <v>4884</v>
      </c>
    </row>
    <row r="2809" spans="1:6" x14ac:dyDescent="0.25">
      <c r="A2809" s="7"/>
      <c r="B2809" t="s">
        <v>5226</v>
      </c>
      <c r="C2809"/>
      <c r="D2809" t="s">
        <v>2241</v>
      </c>
      <c r="E2809" s="1" t="str">
        <f t="shared" si="625"/>
        <v>http://www.sap.com/community/tag.html?id=321050934514090694594936030878754</v>
      </c>
      <c r="F2809" t="s">
        <v>5295</v>
      </c>
    </row>
    <row r="2810" spans="1:6" x14ac:dyDescent="0.25">
      <c r="A2810" s="7"/>
      <c r="B2810" t="s">
        <v>5227</v>
      </c>
      <c r="C2810"/>
      <c r="D2810" t="s">
        <v>2241</v>
      </c>
      <c r="E2810" s="1" t="str">
        <f t="shared" si="625"/>
        <v>http://www.sap.com/community/tag.html?id=57219180344453673845943034116249</v>
      </c>
      <c r="F2810" t="s">
        <v>5296</v>
      </c>
    </row>
    <row r="2811" spans="1:6" x14ac:dyDescent="0.25">
      <c r="A2811" s="7"/>
      <c r="B2811" t="s">
        <v>6</v>
      </c>
      <c r="C2811"/>
      <c r="D2811" t="s">
        <v>2241</v>
      </c>
      <c r="E2811" s="1" t="str">
        <f t="shared" si="625"/>
        <v>http://www.sap.com/community/tag.html?id=586312128200821976331791678902156</v>
      </c>
      <c r="F2811" t="s">
        <v>4885</v>
      </c>
    </row>
    <row r="2812" spans="1:6" x14ac:dyDescent="0.25">
      <c r="A2812" s="7"/>
      <c r="B2812" t="s">
        <v>5228</v>
      </c>
      <c r="C2812"/>
      <c r="D2812" t="s">
        <v>2241</v>
      </c>
      <c r="E2812" s="1" t="str">
        <f t="shared" si="625"/>
        <v>http://www.sap.com/community/tag.html?id=897347560330509080893758274485651</v>
      </c>
      <c r="F2812" t="s">
        <v>5297</v>
      </c>
    </row>
    <row r="2813" spans="1:6" x14ac:dyDescent="0.25">
      <c r="A2813" s="7"/>
      <c r="B2813" t="s">
        <v>5229</v>
      </c>
      <c r="C2813"/>
      <c r="D2813" t="s">
        <v>2241</v>
      </c>
      <c r="E2813" s="1" t="str">
        <f t="shared" si="625"/>
        <v>http://www.sap.com/community/tag.html?id=704762863645305077146498382648152</v>
      </c>
      <c r="F2813" t="s">
        <v>5298</v>
      </c>
    </row>
    <row r="2814" spans="1:6" x14ac:dyDescent="0.25">
      <c r="A2814" s="7"/>
      <c r="B2814" t="s">
        <v>576</v>
      </c>
      <c r="C2814"/>
      <c r="D2814" t="s">
        <v>2241</v>
      </c>
      <c r="E2814" s="1" t="str">
        <f t="shared" si="625"/>
        <v>http://www.sap.com/community/tag.html?id=13692771816878062598881873742717</v>
      </c>
      <c r="F2814" t="s">
        <v>4886</v>
      </c>
    </row>
    <row r="2815" spans="1:6" x14ac:dyDescent="0.25">
      <c r="A2815" s="7"/>
      <c r="B2815" t="s">
        <v>5230</v>
      </c>
      <c r="C2815"/>
      <c r="D2815" t="s">
        <v>2241</v>
      </c>
      <c r="E2815" s="1" t="str">
        <f t="shared" si="625"/>
        <v>http://www.sap.com/community/tag.html?id=201451141027681856608723848278324</v>
      </c>
      <c r="F2815" t="s">
        <v>5299</v>
      </c>
    </row>
    <row r="2816" spans="1:6" x14ac:dyDescent="0.25">
      <c r="A2816" s="7"/>
      <c r="B2816" t="s">
        <v>5231</v>
      </c>
      <c r="C2816"/>
      <c r="D2816" t="s">
        <v>2241</v>
      </c>
      <c r="E2816" s="1" t="str">
        <f t="shared" si="625"/>
        <v>http://www.sap.com/community/tag.html?id=559944516534530209961979440903220</v>
      </c>
      <c r="F2816" t="s">
        <v>5300</v>
      </c>
    </row>
    <row r="2817" spans="1:6" x14ac:dyDescent="0.25">
      <c r="A2817" s="7"/>
      <c r="B2817" t="s">
        <v>5232</v>
      </c>
      <c r="C2817"/>
      <c r="D2817" t="s">
        <v>2241</v>
      </c>
      <c r="E2817" s="1" t="str">
        <f t="shared" si="625"/>
        <v>http://www.sap.com/community/tag.html?id=124864475430875878465028664048618</v>
      </c>
      <c r="F2817" t="s">
        <v>5301</v>
      </c>
    </row>
    <row r="2818" spans="1:6" x14ac:dyDescent="0.25">
      <c r="A2818" s="7"/>
      <c r="B2818" t="s">
        <v>5233</v>
      </c>
      <c r="C2818"/>
      <c r="D2818" t="s">
        <v>2241</v>
      </c>
      <c r="E2818" s="1" t="str">
        <f t="shared" si="625"/>
        <v>http://www.sap.com/community/tag.html?id=686052837703981712445613713539749</v>
      </c>
      <c r="F2818" t="s">
        <v>5302</v>
      </c>
    </row>
    <row r="2819" spans="1:6" x14ac:dyDescent="0.25">
      <c r="A2819" s="7"/>
      <c r="B2819" t="s">
        <v>5234</v>
      </c>
      <c r="C2819"/>
      <c r="D2819" t="s">
        <v>2241</v>
      </c>
      <c r="E2819" s="1" t="str">
        <f t="shared" si="625"/>
        <v>http://www.sap.com/community/tag.html?id=276493187832955066050040590587261</v>
      </c>
      <c r="F2819" t="s">
        <v>5303</v>
      </c>
    </row>
    <row r="2820" spans="1:6" x14ac:dyDescent="0.25">
      <c r="A2820" s="7"/>
      <c r="B2820" t="s">
        <v>268</v>
      </c>
      <c r="C2820"/>
      <c r="D2820" t="s">
        <v>2241</v>
      </c>
      <c r="E2820" s="1" t="str">
        <f t="shared" si="625"/>
        <v>http://www.sap.com/community/tag.html?id=8570744770985579072506591679151</v>
      </c>
      <c r="F2820" t="s">
        <v>4887</v>
      </c>
    </row>
    <row r="2821" spans="1:6" x14ac:dyDescent="0.25">
      <c r="A2821" s="7"/>
      <c r="B2821" t="s">
        <v>5235</v>
      </c>
      <c r="C2821"/>
      <c r="D2821" t="s">
        <v>2241</v>
      </c>
      <c r="E2821" s="1" t="str">
        <f t="shared" si="625"/>
        <v>http://www.sap.com/community/tag.html?id=175247969925744996460139905024625</v>
      </c>
      <c r="F2821" t="s">
        <v>5304</v>
      </c>
    </row>
    <row r="2822" spans="1:6" x14ac:dyDescent="0.25">
      <c r="A2822" s="7"/>
      <c r="B2822" t="s">
        <v>5236</v>
      </c>
      <c r="C2822"/>
      <c r="D2822" t="s">
        <v>2241</v>
      </c>
      <c r="E2822" s="1" t="str">
        <f t="shared" si="625"/>
        <v>http://www.sap.com/community/tag.html?id=475000085535321794116134218002992</v>
      </c>
      <c r="F2822" t="s">
        <v>5305</v>
      </c>
    </row>
    <row r="2823" spans="1:6" x14ac:dyDescent="0.25">
      <c r="A2823" s="7"/>
      <c r="B2823" t="s">
        <v>5237</v>
      </c>
      <c r="C2823"/>
      <c r="D2823" t="s">
        <v>2241</v>
      </c>
      <c r="E2823" s="1" t="str">
        <f t="shared" si="625"/>
        <v>http://www.sap.com/community/tag.html?id=499056279388314818572691985578713</v>
      </c>
      <c r="F2823" t="s">
        <v>5306</v>
      </c>
    </row>
    <row r="2824" spans="1:6" x14ac:dyDescent="0.25">
      <c r="A2824" s="7"/>
      <c r="B2824" t="s">
        <v>5238</v>
      </c>
      <c r="C2824"/>
      <c r="D2824" t="s">
        <v>2241</v>
      </c>
      <c r="E2824" s="1" t="str">
        <f t="shared" si="625"/>
        <v>http://www.sap.com/community/tag.html?id=107687942205109474097131660102749</v>
      </c>
      <c r="F2824" t="s">
        <v>5307</v>
      </c>
    </row>
    <row r="2825" spans="1:6" x14ac:dyDescent="0.25">
      <c r="A2825" s="7"/>
      <c r="B2825" t="s">
        <v>5239</v>
      </c>
      <c r="C2825"/>
      <c r="D2825" t="s">
        <v>2241</v>
      </c>
      <c r="E2825" s="1" t="str">
        <f t="shared" si="625"/>
        <v>http://www.sap.com/community/tag.html?id=801024989010894599319457061864687</v>
      </c>
      <c r="F2825" t="s">
        <v>5308</v>
      </c>
    </row>
    <row r="2826" spans="1:6" x14ac:dyDescent="0.25">
      <c r="A2826" s="7"/>
      <c r="B2826" t="s">
        <v>5240</v>
      </c>
      <c r="C2826"/>
      <c r="D2826" t="s">
        <v>2241</v>
      </c>
      <c r="E2826" s="1" t="str">
        <f t="shared" si="625"/>
        <v>http://www.sap.com/community/tag.html?id=328655948763077519349257970687892</v>
      </c>
      <c r="F2826" t="s">
        <v>5309</v>
      </c>
    </row>
    <row r="2827" spans="1:6" x14ac:dyDescent="0.25">
      <c r="A2827" s="7"/>
      <c r="B2827" t="s">
        <v>204</v>
      </c>
      <c r="C2827"/>
      <c r="D2827" t="s">
        <v>2241</v>
      </c>
      <c r="E2827" s="1" t="str">
        <f t="shared" si="625"/>
        <v>http://www.sap.com/community/tag.html?id=701376774172226400384906016482230</v>
      </c>
      <c r="F2827" t="s">
        <v>4888</v>
      </c>
    </row>
    <row r="2828" spans="1:6" x14ac:dyDescent="0.25">
      <c r="A2828" s="7"/>
      <c r="B2828" t="s">
        <v>5241</v>
      </c>
      <c r="C2828"/>
      <c r="D2828" t="s">
        <v>2241</v>
      </c>
      <c r="E2828" s="1" t="str">
        <f t="shared" si="625"/>
        <v>http://www.sap.com/community/tag.html?id=850775487989306647908923939017106</v>
      </c>
      <c r="F2828" t="s">
        <v>5310</v>
      </c>
    </row>
    <row r="2829" spans="1:6" x14ac:dyDescent="0.25">
      <c r="A2829" s="7"/>
      <c r="B2829" t="s">
        <v>5242</v>
      </c>
      <c r="C2829"/>
      <c r="D2829" t="s">
        <v>2241</v>
      </c>
      <c r="E2829" s="1" t="str">
        <f t="shared" si="625"/>
        <v>http://www.sap.com/community/tag.html?id=804226789195014544571070784558574</v>
      </c>
      <c r="F2829" t="s">
        <v>5311</v>
      </c>
    </row>
    <row r="2830" spans="1:6" x14ac:dyDescent="0.25">
      <c r="A2830" s="7"/>
      <c r="B2830" t="s">
        <v>5243</v>
      </c>
      <c r="C2830"/>
      <c r="D2830" t="s">
        <v>2241</v>
      </c>
      <c r="E2830" s="1" t="str">
        <f t="shared" si="625"/>
        <v>http://www.sap.com/community/tag.html?id=363855106802263289305390498387310</v>
      </c>
      <c r="F2830" t="s">
        <v>5312</v>
      </c>
    </row>
    <row r="2831" spans="1:6" x14ac:dyDescent="0.25">
      <c r="A2831" s="7"/>
      <c r="B2831" t="s">
        <v>5244</v>
      </c>
      <c r="C2831"/>
      <c r="D2831" t="s">
        <v>2241</v>
      </c>
      <c r="E2831" s="1" t="str">
        <f t="shared" si="625"/>
        <v>http://www.sap.com/community/tag.html?id=105890232764968712401665706742235</v>
      </c>
      <c r="F2831" t="s">
        <v>5313</v>
      </c>
    </row>
    <row r="2832" spans="1:6" x14ac:dyDescent="0.25">
      <c r="A2832" s="7"/>
      <c r="B2832" t="s">
        <v>5245</v>
      </c>
      <c r="C2832"/>
      <c r="D2832" t="s">
        <v>2241</v>
      </c>
      <c r="E2832" s="1" t="str">
        <f t="shared" si="625"/>
        <v>http://www.sap.com/community/tag.html?id=665504863672755449986539436156425</v>
      </c>
      <c r="F2832" t="s">
        <v>5314</v>
      </c>
    </row>
    <row r="2833" spans="1:6" x14ac:dyDescent="0.25">
      <c r="A2833" s="7"/>
      <c r="B2833" t="s">
        <v>5246</v>
      </c>
      <c r="C2833"/>
      <c r="D2833" t="s">
        <v>2241</v>
      </c>
      <c r="E2833" s="1" t="str">
        <f t="shared" si="625"/>
        <v>http://www.sap.com/community/tag.html?id=440723412253552392624418251609001</v>
      </c>
      <c r="F2833" t="s">
        <v>5315</v>
      </c>
    </row>
    <row r="2834" spans="1:6" x14ac:dyDescent="0.25">
      <c r="A2834" s="7"/>
      <c r="B2834" t="s">
        <v>5247</v>
      </c>
      <c r="C2834"/>
      <c r="D2834" t="s">
        <v>2241</v>
      </c>
      <c r="E2834" s="1" t="str">
        <f t="shared" si="625"/>
        <v>http://www.sap.com/community/tag.html?id=270172535358358815368298867576662</v>
      </c>
      <c r="F2834" t="s">
        <v>5316</v>
      </c>
    </row>
    <row r="2835" spans="1:6" x14ac:dyDescent="0.25">
      <c r="A2835" s="7"/>
      <c r="B2835" t="s">
        <v>730</v>
      </c>
      <c r="C2835"/>
      <c r="D2835" t="s">
        <v>2241</v>
      </c>
      <c r="E2835" s="1" t="str">
        <f t="shared" si="625"/>
        <v>http://www.sap.com/community/tag.html?id=306843521589030681976078829712463</v>
      </c>
      <c r="F2835" t="s">
        <v>4889</v>
      </c>
    </row>
    <row r="2836" spans="1:6" x14ac:dyDescent="0.25">
      <c r="A2836" s="7"/>
      <c r="B2836" t="s">
        <v>5248</v>
      </c>
      <c r="C2836"/>
      <c r="D2836" t="s">
        <v>2241</v>
      </c>
      <c r="E2836" s="1" t="str">
        <f t="shared" si="625"/>
        <v>http://www.sap.com/community/tag.html?id=544296972670660211790085940979238</v>
      </c>
      <c r="F2836" t="s">
        <v>5317</v>
      </c>
    </row>
    <row r="2837" spans="1:6" x14ac:dyDescent="0.25">
      <c r="A2837" s="7"/>
      <c r="B2837" t="s">
        <v>2147</v>
      </c>
      <c r="C2837"/>
      <c r="D2837" t="s">
        <v>2241</v>
      </c>
      <c r="E2837" s="1" t="str">
        <f t="shared" si="625"/>
        <v>http://www.sap.com/community/tag.html?id=36122511856430366192811358022907</v>
      </c>
      <c r="F2837" t="s">
        <v>4890</v>
      </c>
    </row>
    <row r="2838" spans="1:6" x14ac:dyDescent="0.25">
      <c r="A2838" s="7"/>
      <c r="B2838" t="s">
        <v>5249</v>
      </c>
      <c r="C2838"/>
      <c r="D2838" t="s">
        <v>2241</v>
      </c>
      <c r="E2838" s="1" t="str">
        <f t="shared" si="625"/>
        <v>http://www.sap.com/community/tag.html?id=632554073113378399583210893173126</v>
      </c>
      <c r="F2838" t="s">
        <v>5318</v>
      </c>
    </row>
    <row r="2839" spans="1:6" x14ac:dyDescent="0.25">
      <c r="A2839" s="7"/>
      <c r="B2839" t="s">
        <v>5250</v>
      </c>
      <c r="C2839"/>
      <c r="D2839" t="s">
        <v>2241</v>
      </c>
      <c r="E2839" s="1" t="str">
        <f t="shared" si="625"/>
        <v>http://www.sap.com/community/tag.html?id=124256922381991020073283244128044</v>
      </c>
      <c r="F2839" t="s">
        <v>5319</v>
      </c>
    </row>
    <row r="2840" spans="1:6" x14ac:dyDescent="0.25">
      <c r="A2840" s="7"/>
      <c r="B2840" t="s">
        <v>5251</v>
      </c>
      <c r="C2840"/>
      <c r="D2840" t="s">
        <v>2241</v>
      </c>
      <c r="E2840" s="1" t="str">
        <f t="shared" si="625"/>
        <v>http://www.sap.com/community/tag.html?id=574727346949550392391865212638635</v>
      </c>
      <c r="F2840" t="s">
        <v>5320</v>
      </c>
    </row>
    <row r="2841" spans="1:6" x14ac:dyDescent="0.25">
      <c r="A2841" s="7"/>
      <c r="B2841" t="s">
        <v>5252</v>
      </c>
      <c r="C2841"/>
      <c r="D2841" t="s">
        <v>2241</v>
      </c>
      <c r="E2841" s="1" t="str">
        <f t="shared" si="625"/>
        <v>http://www.sap.com/community/tag.html?id=579322957794276343617459390701760</v>
      </c>
      <c r="F2841" t="s">
        <v>5321</v>
      </c>
    </row>
    <row r="2842" spans="1:6" x14ac:dyDescent="0.25">
      <c r="A2842" s="7"/>
      <c r="B2842" t="s">
        <v>5253</v>
      </c>
      <c r="C2842"/>
      <c r="D2842" t="s">
        <v>2241</v>
      </c>
      <c r="E2842" s="1" t="str">
        <f t="shared" si="625"/>
        <v>http://www.sap.com/community/tag.html?id=886890368414731053738773029159594</v>
      </c>
      <c r="F2842" t="s">
        <v>5322</v>
      </c>
    </row>
    <row r="2843" spans="1:6" x14ac:dyDescent="0.25">
      <c r="A2843" s="7"/>
      <c r="B2843" t="s">
        <v>1958</v>
      </c>
      <c r="C2843"/>
      <c r="D2843" t="s">
        <v>2241</v>
      </c>
      <c r="E2843" s="1" t="str">
        <f t="shared" si="625"/>
        <v>http://www.sap.com/community/tag.html?id=462200480581075348782619056800112</v>
      </c>
      <c r="F2843" t="s">
        <v>4891</v>
      </c>
    </row>
    <row r="2844" spans="1:6" x14ac:dyDescent="0.25">
      <c r="A2844" s="7"/>
      <c r="B2844" t="s">
        <v>5254</v>
      </c>
      <c r="C2844"/>
      <c r="D2844" t="s">
        <v>2241</v>
      </c>
      <c r="E2844" s="1" t="str">
        <f t="shared" si="625"/>
        <v>http://www.sap.com/community/tag.html?id=573112738473058776792692960390452</v>
      </c>
      <c r="F2844" t="s">
        <v>5323</v>
      </c>
    </row>
    <row r="2845" spans="1:6" x14ac:dyDescent="0.25">
      <c r="A2845" s="7"/>
      <c r="B2845" t="s">
        <v>5255</v>
      </c>
      <c r="C2845"/>
      <c r="D2845" t="s">
        <v>2241</v>
      </c>
      <c r="E2845" s="1" t="str">
        <f t="shared" ref="E2845:E2908" si="626" xml:space="preserve"> HYPERLINK(CONCATENATE("http://www.sap.com/community/tag.html?id=",$F2845))</f>
        <v>http://www.sap.com/community/tag.html?id=475374749610863398316836929975596</v>
      </c>
      <c r="F2845" t="s">
        <v>5324</v>
      </c>
    </row>
    <row r="2846" spans="1:6" x14ac:dyDescent="0.25">
      <c r="A2846" s="7"/>
      <c r="B2846" t="s">
        <v>1337</v>
      </c>
      <c r="C2846"/>
      <c r="D2846" t="s">
        <v>2241</v>
      </c>
      <c r="E2846" s="1" t="str">
        <f t="shared" si="626"/>
        <v>http://www.sap.com/community/tag.html?id=588135477147298705412447132711299</v>
      </c>
      <c r="F2846" t="s">
        <v>4892</v>
      </c>
    </row>
    <row r="2847" spans="1:6" x14ac:dyDescent="0.25">
      <c r="A2847" s="7"/>
      <c r="B2847" t="s">
        <v>5256</v>
      </c>
      <c r="C2847"/>
      <c r="D2847" t="s">
        <v>2241</v>
      </c>
      <c r="E2847" s="1" t="str">
        <f t="shared" si="626"/>
        <v>http://www.sap.com/community/tag.html?id=238369242975130580304110976039261</v>
      </c>
      <c r="F2847" t="s">
        <v>5325</v>
      </c>
    </row>
    <row r="2848" spans="1:6" x14ac:dyDescent="0.25">
      <c r="A2848" s="7"/>
      <c r="B2848" t="s">
        <v>2118</v>
      </c>
      <c r="C2848"/>
      <c r="D2848" t="s">
        <v>2241</v>
      </c>
      <c r="E2848" s="1" t="str">
        <f t="shared" si="626"/>
        <v>http://www.sap.com/community/tag.html?id=32846413078963971419768224917137</v>
      </c>
      <c r="F2848" t="s">
        <v>4893</v>
      </c>
    </row>
    <row r="2849" spans="1:6" x14ac:dyDescent="0.25">
      <c r="A2849" s="7"/>
      <c r="B2849" t="s">
        <v>5257</v>
      </c>
      <c r="C2849"/>
      <c r="D2849" t="s">
        <v>2241</v>
      </c>
      <c r="E2849" s="1" t="str">
        <f t="shared" si="626"/>
        <v>http://www.sap.com/community/tag.html?id=728841321694667382679749409993833</v>
      </c>
      <c r="F2849" t="s">
        <v>5326</v>
      </c>
    </row>
    <row r="2850" spans="1:6" x14ac:dyDescent="0.25">
      <c r="A2850" s="7"/>
      <c r="B2850" t="s">
        <v>1111</v>
      </c>
      <c r="C2850"/>
      <c r="D2850" t="s">
        <v>2241</v>
      </c>
      <c r="E2850" s="1" t="str">
        <f t="shared" si="626"/>
        <v>http://www.sap.com/community/tag.html?id=662139421784950376240888535396987</v>
      </c>
      <c r="F2850" t="s">
        <v>4894</v>
      </c>
    </row>
    <row r="2851" spans="1:6" x14ac:dyDescent="0.25">
      <c r="A2851" s="7"/>
      <c r="B2851" t="s">
        <v>32</v>
      </c>
      <c r="C2851"/>
      <c r="D2851" t="s">
        <v>2241</v>
      </c>
      <c r="E2851" s="1" t="str">
        <f t="shared" si="626"/>
        <v>http://www.sap.com/community/tag.html?id=666118459887932219928019980895838</v>
      </c>
      <c r="F2851" t="s">
        <v>4895</v>
      </c>
    </row>
    <row r="2852" spans="1:6" x14ac:dyDescent="0.25">
      <c r="A2852" s="7"/>
      <c r="B2852" t="s">
        <v>5258</v>
      </c>
      <c r="C2852"/>
      <c r="D2852" t="s">
        <v>2241</v>
      </c>
      <c r="E2852" s="1" t="str">
        <f t="shared" si="626"/>
        <v>http://www.sap.com/community/tag.html?id=604464681788652896416606207984129</v>
      </c>
      <c r="F2852" t="s">
        <v>5327</v>
      </c>
    </row>
    <row r="2853" spans="1:6" x14ac:dyDescent="0.25">
      <c r="A2853" s="7"/>
      <c r="B2853" t="s">
        <v>3</v>
      </c>
      <c r="C2853"/>
      <c r="D2853" t="s">
        <v>2241</v>
      </c>
      <c r="E2853" s="1" t="str">
        <f t="shared" si="626"/>
        <v>http://www.sap.com/community/tag.html?id=99344355152484767572493879299671</v>
      </c>
      <c r="F2853" t="s">
        <v>4896</v>
      </c>
    </row>
    <row r="2854" spans="1:6" x14ac:dyDescent="0.25">
      <c r="A2854" s="7"/>
      <c r="B2854" t="s">
        <v>1696</v>
      </c>
      <c r="C2854"/>
      <c r="D2854" t="s">
        <v>2241</v>
      </c>
      <c r="E2854" s="1" t="str">
        <f t="shared" si="626"/>
        <v>http://www.sap.com/community/tag.html?id=264113000323749692806973999948926</v>
      </c>
      <c r="F2854" t="s">
        <v>4897</v>
      </c>
    </row>
    <row r="2855" spans="1:6" x14ac:dyDescent="0.25">
      <c r="A2855" s="7"/>
      <c r="B2855" t="s">
        <v>5259</v>
      </c>
      <c r="C2855"/>
      <c r="D2855" t="s">
        <v>2241</v>
      </c>
      <c r="E2855" s="1" t="str">
        <f t="shared" si="626"/>
        <v>http://www.sap.com/community/tag.html?id=315272376410572843983997268416243</v>
      </c>
      <c r="F2855" t="s">
        <v>5328</v>
      </c>
    </row>
    <row r="2856" spans="1:6" x14ac:dyDescent="0.25">
      <c r="A2856" s="7"/>
      <c r="B2856" t="s">
        <v>5260</v>
      </c>
      <c r="C2856"/>
      <c r="D2856" t="s">
        <v>2241</v>
      </c>
      <c r="E2856" s="1" t="str">
        <f t="shared" si="626"/>
        <v>http://www.sap.com/community/tag.html?id=320517996275254407406398077757010</v>
      </c>
      <c r="F2856" t="s">
        <v>5329</v>
      </c>
    </row>
    <row r="2857" spans="1:6" x14ac:dyDescent="0.25">
      <c r="A2857" s="7"/>
      <c r="B2857" t="s">
        <v>5261</v>
      </c>
      <c r="C2857"/>
      <c r="D2857" t="s">
        <v>2241</v>
      </c>
      <c r="E2857" s="1" t="str">
        <f t="shared" si="626"/>
        <v>http://www.sap.com/community/tag.html?id=698718789886907700120015945091688</v>
      </c>
      <c r="F2857" t="s">
        <v>5330</v>
      </c>
    </row>
    <row r="2858" spans="1:6" x14ac:dyDescent="0.25">
      <c r="A2858" s="7"/>
      <c r="B2858" t="s">
        <v>2148</v>
      </c>
      <c r="C2858"/>
      <c r="D2858" t="s">
        <v>2241</v>
      </c>
      <c r="E2858" s="1" t="str">
        <f t="shared" si="626"/>
        <v>http://www.sap.com/community/tag.html?id=877902606110120463147070804386975</v>
      </c>
      <c r="F2858" t="s">
        <v>4898</v>
      </c>
    </row>
    <row r="2859" spans="1:6" x14ac:dyDescent="0.25">
      <c r="A2859" s="7"/>
      <c r="B2859" t="s">
        <v>5501</v>
      </c>
      <c r="C2859"/>
      <c r="D2859" t="s">
        <v>2241</v>
      </c>
      <c r="E2859" s="1" t="str">
        <f t="shared" si="626"/>
        <v>http://www.sap.com/community/tag.html?id=256421961439456457241177787176488</v>
      </c>
      <c r="F2859" t="s">
        <v>5500</v>
      </c>
    </row>
    <row r="2860" spans="1:6" x14ac:dyDescent="0.25">
      <c r="A2860" s="7"/>
      <c r="B2860" t="s">
        <v>1034</v>
      </c>
      <c r="C2860"/>
      <c r="D2860" t="s">
        <v>2241</v>
      </c>
      <c r="E2860" s="1" t="str">
        <f t="shared" si="626"/>
        <v>http://www.sap.com/community/tag.html?id=477297786799213261950044802925335</v>
      </c>
      <c r="F2860" t="s">
        <v>4899</v>
      </c>
    </row>
    <row r="2861" spans="1:6" x14ac:dyDescent="0.25">
      <c r="A2861" s="7"/>
      <c r="B2861" t="s">
        <v>5503</v>
      </c>
      <c r="C2861"/>
      <c r="D2861" t="s">
        <v>2241</v>
      </c>
      <c r="E2861" s="1" t="str">
        <f t="shared" si="626"/>
        <v>http://www.sap.com/community/tag.html?id=1947505981826470870334685717309</v>
      </c>
      <c r="F2861" t="s">
        <v>5502</v>
      </c>
    </row>
    <row r="2862" spans="1:6" x14ac:dyDescent="0.25">
      <c r="A2862" s="7"/>
      <c r="B2862" t="s">
        <v>5505</v>
      </c>
      <c r="C2862"/>
      <c r="D2862" t="s">
        <v>2241</v>
      </c>
      <c r="E2862" s="1" t="str">
        <f t="shared" si="626"/>
        <v>http://www.sap.com/community/tag.html?id=402489426158095572469338199787586</v>
      </c>
      <c r="F2862" t="s">
        <v>5504</v>
      </c>
    </row>
    <row r="2863" spans="1:6" x14ac:dyDescent="0.25">
      <c r="A2863" s="7"/>
      <c r="B2863" t="s">
        <v>5507</v>
      </c>
      <c r="C2863"/>
      <c r="D2863" t="s">
        <v>2241</v>
      </c>
      <c r="E2863" s="1" t="str">
        <f t="shared" si="626"/>
        <v>http://www.sap.com/community/tag.html?id=458360983784136828334119370605946</v>
      </c>
      <c r="F2863" t="s">
        <v>5506</v>
      </c>
    </row>
    <row r="2864" spans="1:6" x14ac:dyDescent="0.25">
      <c r="A2864" s="7"/>
      <c r="B2864" t="s">
        <v>5509</v>
      </c>
      <c r="C2864"/>
      <c r="D2864" t="s">
        <v>2241</v>
      </c>
      <c r="E2864" s="1" t="str">
        <f t="shared" si="626"/>
        <v>http://www.sap.com/community/tag.html?id=507573428100543543566493124410813</v>
      </c>
      <c r="F2864" t="s">
        <v>5508</v>
      </c>
    </row>
    <row r="2865" spans="1:6" x14ac:dyDescent="0.25">
      <c r="A2865" s="7"/>
      <c r="B2865" t="s">
        <v>5511</v>
      </c>
      <c r="C2865"/>
      <c r="D2865" t="s">
        <v>2241</v>
      </c>
      <c r="E2865" s="1" t="str">
        <f t="shared" si="626"/>
        <v>http://www.sap.com/community/tag.html?id=595868487418199787169547067861445</v>
      </c>
      <c r="F2865" t="s">
        <v>5510</v>
      </c>
    </row>
    <row r="2866" spans="1:6" x14ac:dyDescent="0.25">
      <c r="A2866" s="7"/>
      <c r="B2866" t="s">
        <v>5513</v>
      </c>
      <c r="C2866"/>
      <c r="D2866" t="s">
        <v>2241</v>
      </c>
      <c r="E2866" s="1" t="str">
        <f t="shared" si="626"/>
        <v>http://www.sap.com/community/tag.html?id=616977451522804395975468912270328</v>
      </c>
      <c r="F2866" t="s">
        <v>5512</v>
      </c>
    </row>
    <row r="2867" spans="1:6" x14ac:dyDescent="0.25">
      <c r="A2867" s="7"/>
      <c r="B2867" t="s">
        <v>123</v>
      </c>
      <c r="C2867"/>
      <c r="D2867" t="s">
        <v>2241</v>
      </c>
      <c r="E2867" s="1" t="str">
        <f t="shared" si="626"/>
        <v>http://www.sap.com/community/tag.html?id=8983524005809327265425700971864</v>
      </c>
      <c r="F2867" t="s">
        <v>4900</v>
      </c>
    </row>
    <row r="2868" spans="1:6" x14ac:dyDescent="0.25">
      <c r="A2868" s="7"/>
      <c r="B2868" t="s">
        <v>2124</v>
      </c>
      <c r="C2868"/>
      <c r="D2868" t="s">
        <v>2241</v>
      </c>
      <c r="E2868" s="1" t="str">
        <f t="shared" si="626"/>
        <v>http://www.sap.com/community/tag.html?id=133205901943786179366163043997549</v>
      </c>
      <c r="F2868" t="s">
        <v>4901</v>
      </c>
    </row>
    <row r="2869" spans="1:6" x14ac:dyDescent="0.25">
      <c r="A2869" s="7"/>
      <c r="B2869" t="s">
        <v>291</v>
      </c>
      <c r="C2869"/>
      <c r="D2869" t="s">
        <v>2241</v>
      </c>
      <c r="E2869" s="1" t="str">
        <f t="shared" si="626"/>
        <v>http://www.sap.com/community/tag.html?id=181161894649260056016734803547327</v>
      </c>
      <c r="F2869" t="s">
        <v>4903</v>
      </c>
    </row>
    <row r="2870" spans="1:6" x14ac:dyDescent="0.25">
      <c r="A2870" s="7"/>
      <c r="B2870" t="s">
        <v>1246</v>
      </c>
      <c r="C2870"/>
      <c r="D2870" t="s">
        <v>2241</v>
      </c>
      <c r="E2870" s="1" t="str">
        <f t="shared" si="626"/>
        <v>http://www.sap.com/community/tag.html?id=123483167038116851804073412823065</v>
      </c>
      <c r="F2870" t="s">
        <v>4904</v>
      </c>
    </row>
    <row r="2871" spans="1:6" x14ac:dyDescent="0.25">
      <c r="A2871" s="7"/>
      <c r="B2871" t="s">
        <v>374</v>
      </c>
      <c r="C2871"/>
      <c r="D2871" t="s">
        <v>2241</v>
      </c>
      <c r="E2871" s="1" t="str">
        <f t="shared" si="626"/>
        <v>http://www.sap.com/community/tag.html?id=334558737810127171897316045257708</v>
      </c>
      <c r="F2871" t="s">
        <v>4905</v>
      </c>
    </row>
    <row r="2872" spans="1:6" x14ac:dyDescent="0.25">
      <c r="A2872" s="7"/>
      <c r="B2872" t="s">
        <v>350</v>
      </c>
      <c r="C2872"/>
      <c r="D2872" t="s">
        <v>2241</v>
      </c>
      <c r="E2872" s="1" t="str">
        <f t="shared" si="626"/>
        <v>http://www.sap.com/community/tag.html?id=100394580653750417561290171292438</v>
      </c>
      <c r="F2872" t="s">
        <v>4906</v>
      </c>
    </row>
    <row r="2873" spans="1:6" x14ac:dyDescent="0.25">
      <c r="A2873" s="7"/>
      <c r="B2873" t="s">
        <v>1068</v>
      </c>
      <c r="C2873"/>
      <c r="D2873" t="s">
        <v>2241</v>
      </c>
      <c r="E2873" s="1" t="str">
        <f t="shared" si="626"/>
        <v>http://www.sap.com/community/tag.html?id=804875659401345494901936324695447</v>
      </c>
      <c r="F2873" t="s">
        <v>4907</v>
      </c>
    </row>
    <row r="2874" spans="1:6" x14ac:dyDescent="0.25">
      <c r="A2874" s="7"/>
      <c r="B2874" t="s">
        <v>174</v>
      </c>
      <c r="C2874"/>
      <c r="D2874" t="s">
        <v>2241</v>
      </c>
      <c r="E2874" s="1" t="str">
        <f t="shared" si="626"/>
        <v>http://www.sap.com/community/tag.html?id=856729761471794137198600667374174</v>
      </c>
      <c r="F2874" t="s">
        <v>4908</v>
      </c>
    </row>
    <row r="2875" spans="1:6" x14ac:dyDescent="0.25">
      <c r="A2875" s="7"/>
      <c r="B2875" t="s">
        <v>12</v>
      </c>
      <c r="C2875"/>
      <c r="D2875" t="s">
        <v>2241</v>
      </c>
      <c r="E2875" s="1" t="str">
        <f t="shared" si="626"/>
        <v>http://www.sap.com/community/tag.html?id=634320453944459284192064408084566</v>
      </c>
      <c r="F2875" t="s">
        <v>4909</v>
      </c>
    </row>
    <row r="2876" spans="1:6" x14ac:dyDescent="0.25">
      <c r="A2876" s="7"/>
      <c r="B2876" t="s">
        <v>1547</v>
      </c>
      <c r="C2876"/>
      <c r="D2876" t="s">
        <v>2241</v>
      </c>
      <c r="E2876" s="1" t="str">
        <f t="shared" si="626"/>
        <v>http://www.sap.com/community/tag.html?id=99891761267046184358097136821575</v>
      </c>
      <c r="F2876" t="s">
        <v>4910</v>
      </c>
    </row>
    <row r="2877" spans="1:6" x14ac:dyDescent="0.25">
      <c r="A2877" s="7"/>
      <c r="B2877" t="s">
        <v>710</v>
      </c>
      <c r="C2877"/>
      <c r="D2877" t="s">
        <v>2241</v>
      </c>
      <c r="E2877" s="1" t="str">
        <f t="shared" si="626"/>
        <v>http://www.sap.com/community/tag.html?id=350991270579841525753072979612318</v>
      </c>
      <c r="F2877" t="s">
        <v>4911</v>
      </c>
    </row>
    <row r="2878" spans="1:6" x14ac:dyDescent="0.25">
      <c r="A2878" s="7"/>
      <c r="B2878" t="s">
        <v>881</v>
      </c>
      <c r="C2878"/>
      <c r="D2878" t="s">
        <v>2241</v>
      </c>
      <c r="E2878" s="1" t="str">
        <f t="shared" si="626"/>
        <v>http://www.sap.com/community/tag.html?id=344886954246398291691406520294131</v>
      </c>
      <c r="F2878" t="s">
        <v>4912</v>
      </c>
    </row>
    <row r="2879" spans="1:6" x14ac:dyDescent="0.25">
      <c r="A2879" s="7"/>
      <c r="B2879" t="s">
        <v>5515</v>
      </c>
      <c r="C2879"/>
      <c r="D2879" t="s">
        <v>2241</v>
      </c>
      <c r="E2879" s="1" t="str">
        <f t="shared" si="626"/>
        <v>http://www.sap.com/community/tag.html?id=480041978550045079567539109400636</v>
      </c>
      <c r="F2879" t="s">
        <v>5514</v>
      </c>
    </row>
    <row r="2880" spans="1:6" x14ac:dyDescent="0.25">
      <c r="A2880" s="7"/>
      <c r="B2880" t="s">
        <v>1786</v>
      </c>
      <c r="C2880"/>
      <c r="D2880" t="s">
        <v>2241</v>
      </c>
      <c r="E2880" s="1" t="str">
        <f t="shared" si="626"/>
        <v>http://www.sap.com/community/tag.html?id=91696691472058933160233246880919</v>
      </c>
      <c r="F2880" t="s">
        <v>4916</v>
      </c>
    </row>
    <row r="2881" spans="1:6" x14ac:dyDescent="0.25">
      <c r="A2881" s="7"/>
      <c r="B2881" t="s">
        <v>806</v>
      </c>
      <c r="C2881"/>
      <c r="D2881" t="s">
        <v>2241</v>
      </c>
      <c r="E2881" s="1" t="str">
        <f t="shared" si="626"/>
        <v>http://www.sap.com/community/tag.html?id=779894725716749961564009526411777</v>
      </c>
      <c r="F2881" t="s">
        <v>4917</v>
      </c>
    </row>
    <row r="2882" spans="1:6" x14ac:dyDescent="0.25">
      <c r="A2882" s="7"/>
      <c r="B2882" t="s">
        <v>615</v>
      </c>
      <c r="C2882"/>
      <c r="D2882" t="s">
        <v>2241</v>
      </c>
      <c r="E2882" s="1" t="str">
        <f t="shared" si="626"/>
        <v>http://www.sap.com/community/tag.html?id=837756977247372160663651537216525</v>
      </c>
      <c r="F2882" t="s">
        <v>4918</v>
      </c>
    </row>
    <row r="2883" spans="1:6" x14ac:dyDescent="0.25">
      <c r="A2883" s="7"/>
      <c r="B2883" t="s">
        <v>716</v>
      </c>
      <c r="C2883"/>
      <c r="D2883" t="s">
        <v>2241</v>
      </c>
      <c r="E2883" s="1" t="str">
        <f t="shared" si="626"/>
        <v>http://www.sap.com/community/tag.html?id=615867488247412535563226490284405</v>
      </c>
      <c r="F2883" t="s">
        <v>4919</v>
      </c>
    </row>
    <row r="2884" spans="1:6" x14ac:dyDescent="0.25">
      <c r="A2884" s="7"/>
      <c r="B2884" t="s">
        <v>256</v>
      </c>
      <c r="C2884"/>
      <c r="D2884" t="s">
        <v>2241</v>
      </c>
      <c r="E2884" s="1" t="str">
        <f t="shared" si="626"/>
        <v>http://www.sap.com/community/tag.html?id=122426187509586697844204164173603</v>
      </c>
      <c r="F2884" t="s">
        <v>4920</v>
      </c>
    </row>
    <row r="2885" spans="1:6" x14ac:dyDescent="0.25">
      <c r="A2885" s="7"/>
      <c r="B2885" t="s">
        <v>1224</v>
      </c>
      <c r="C2885"/>
      <c r="D2885" t="s">
        <v>2241</v>
      </c>
      <c r="E2885" s="1" t="str">
        <f t="shared" si="626"/>
        <v>http://www.sap.com/community/tag.html?id=678016524911947112536865263502299</v>
      </c>
      <c r="F2885" t="s">
        <v>4921</v>
      </c>
    </row>
    <row r="2886" spans="1:6" x14ac:dyDescent="0.25">
      <c r="A2886" s="7"/>
      <c r="B2886" t="s">
        <v>2162</v>
      </c>
      <c r="C2886"/>
      <c r="D2886" t="s">
        <v>2241</v>
      </c>
      <c r="E2886" s="1" t="str">
        <f t="shared" si="626"/>
        <v>http://www.sap.com/community/tag.html?id=318021688820573698933533760680517</v>
      </c>
      <c r="F2886" t="s">
        <v>4922</v>
      </c>
    </row>
    <row r="2887" spans="1:6" x14ac:dyDescent="0.25">
      <c r="A2887" s="7"/>
      <c r="B2887" t="s">
        <v>1155</v>
      </c>
      <c r="C2887"/>
      <c r="D2887" t="s">
        <v>2241</v>
      </c>
      <c r="E2887" s="1" t="str">
        <f t="shared" si="626"/>
        <v>http://www.sap.com/community/tag.html?id=430019464658497915145476514330950</v>
      </c>
      <c r="F2887" t="s">
        <v>4923</v>
      </c>
    </row>
    <row r="2888" spans="1:6" x14ac:dyDescent="0.25">
      <c r="A2888" s="7"/>
      <c r="B2888" t="s">
        <v>5262</v>
      </c>
      <c r="C2888"/>
      <c r="D2888" t="s">
        <v>2241</v>
      </c>
      <c r="E2888" s="1" t="str">
        <f t="shared" si="626"/>
        <v>http://www.sap.com/community/tag.html?id=293088538999548889689740008653644</v>
      </c>
      <c r="F2888" t="s">
        <v>5331</v>
      </c>
    </row>
    <row r="2889" spans="1:6" x14ac:dyDescent="0.25">
      <c r="A2889" s="7"/>
      <c r="B2889" t="s">
        <v>1477</v>
      </c>
      <c r="C2889"/>
      <c r="D2889" t="s">
        <v>2241</v>
      </c>
      <c r="E2889" s="1" t="str">
        <f t="shared" si="626"/>
        <v>http://www.sap.com/community/tag.html?id=237172457501282589953116013994631</v>
      </c>
      <c r="F2889" t="s">
        <v>4924</v>
      </c>
    </row>
    <row r="2890" spans="1:6" x14ac:dyDescent="0.25">
      <c r="A2890" s="7"/>
      <c r="B2890" t="s">
        <v>457</v>
      </c>
      <c r="C2890"/>
      <c r="D2890" t="s">
        <v>2241</v>
      </c>
      <c r="E2890" s="1" t="str">
        <f t="shared" si="626"/>
        <v>http://www.sap.com/community/tag.html?id=653310048283475313268757797580946</v>
      </c>
      <c r="F2890" t="s">
        <v>4925</v>
      </c>
    </row>
    <row r="2891" spans="1:6" x14ac:dyDescent="0.25">
      <c r="A2891" s="7"/>
      <c r="B2891" t="s">
        <v>199</v>
      </c>
      <c r="C2891"/>
      <c r="D2891" t="s">
        <v>2241</v>
      </c>
      <c r="E2891" s="1" t="str">
        <f t="shared" si="626"/>
        <v>http://www.sap.com/community/tag.html?id=484135010855456218597016630642366</v>
      </c>
      <c r="F2891" t="s">
        <v>4926</v>
      </c>
    </row>
    <row r="2892" spans="1:6" x14ac:dyDescent="0.25">
      <c r="A2892" s="7"/>
      <c r="B2892" t="s">
        <v>400</v>
      </c>
      <c r="C2892"/>
      <c r="D2892" t="s">
        <v>2241</v>
      </c>
      <c r="E2892" s="1" t="str">
        <f t="shared" si="626"/>
        <v>http://www.sap.com/community/tag.html?id=411295671235448601330173655419575</v>
      </c>
      <c r="F2892" t="s">
        <v>4927</v>
      </c>
    </row>
    <row r="2893" spans="1:6" x14ac:dyDescent="0.25">
      <c r="A2893" s="7"/>
      <c r="B2893" t="s">
        <v>1605</v>
      </c>
      <c r="C2893"/>
      <c r="D2893" t="s">
        <v>2241</v>
      </c>
      <c r="E2893" s="1" t="str">
        <f t="shared" si="626"/>
        <v>http://www.sap.com/community/tag.html?id=155774003369112358877318469428064</v>
      </c>
      <c r="F2893" t="s">
        <v>4928</v>
      </c>
    </row>
    <row r="2894" spans="1:6" x14ac:dyDescent="0.25">
      <c r="A2894" s="7"/>
      <c r="B2894" t="s">
        <v>54</v>
      </c>
      <c r="C2894"/>
      <c r="D2894" t="s">
        <v>2241</v>
      </c>
      <c r="E2894" s="1" t="str">
        <f t="shared" si="626"/>
        <v>http://www.sap.com/community/tag.html?id=3546244728292819686172406027636</v>
      </c>
      <c r="F2894" t="s">
        <v>4929</v>
      </c>
    </row>
    <row r="2895" spans="1:6" x14ac:dyDescent="0.25">
      <c r="A2895" s="7"/>
      <c r="B2895" t="s">
        <v>24</v>
      </c>
      <c r="C2895"/>
      <c r="D2895" t="s">
        <v>2241</v>
      </c>
      <c r="E2895" s="1" t="str">
        <f t="shared" si="626"/>
        <v>http://www.sap.com/community/tag.html?id=255510006547805686526190163520559</v>
      </c>
      <c r="F2895" t="s">
        <v>4930</v>
      </c>
    </row>
    <row r="2896" spans="1:6" x14ac:dyDescent="0.25">
      <c r="A2896" s="7"/>
      <c r="B2896" t="s">
        <v>791</v>
      </c>
      <c r="C2896"/>
      <c r="D2896" t="s">
        <v>2241</v>
      </c>
      <c r="E2896" s="1" t="str">
        <f t="shared" si="626"/>
        <v>http://www.sap.com/community/tag.html?id=439208526315459272242491809978043</v>
      </c>
      <c r="F2896" t="s">
        <v>4931</v>
      </c>
    </row>
    <row r="2897" spans="1:6" x14ac:dyDescent="0.25">
      <c r="A2897" s="7"/>
      <c r="B2897" t="s">
        <v>5146</v>
      </c>
      <c r="C2897"/>
      <c r="D2897" t="s">
        <v>2241</v>
      </c>
      <c r="E2897" s="1" t="str">
        <f t="shared" si="626"/>
        <v>http://www.sap.com/community/tag.html?id=408295384591352287492729514540543</v>
      </c>
      <c r="F2897" t="s">
        <v>5147</v>
      </c>
    </row>
    <row r="2898" spans="1:6" x14ac:dyDescent="0.25">
      <c r="A2898" s="7"/>
      <c r="B2898" t="s">
        <v>1444</v>
      </c>
      <c r="C2898"/>
      <c r="D2898" t="s">
        <v>2241</v>
      </c>
      <c r="E2898" s="1" t="str">
        <f t="shared" si="626"/>
        <v>http://www.sap.com/community/tag.html?id=438981612276637878249247679806731</v>
      </c>
      <c r="F2898" t="s">
        <v>4932</v>
      </c>
    </row>
    <row r="2899" spans="1:6" x14ac:dyDescent="0.25">
      <c r="A2899" s="7"/>
      <c r="B2899" t="s">
        <v>5263</v>
      </c>
      <c r="C2899"/>
      <c r="D2899" t="s">
        <v>2241</v>
      </c>
      <c r="E2899" s="1" t="str">
        <f t="shared" si="626"/>
        <v>http://www.sap.com/community/tag.html?id=758617099728293421716080695502398</v>
      </c>
      <c r="F2899" t="s">
        <v>5332</v>
      </c>
    </row>
    <row r="2900" spans="1:6" x14ac:dyDescent="0.25">
      <c r="A2900" s="7"/>
      <c r="B2900" t="s">
        <v>5264</v>
      </c>
      <c r="C2900"/>
      <c r="D2900" t="s">
        <v>2241</v>
      </c>
      <c r="E2900" s="1" t="str">
        <f t="shared" si="626"/>
        <v>http://www.sap.com/community/tag.html?id=223412072590469366196755173464619</v>
      </c>
      <c r="F2900" t="s">
        <v>5333</v>
      </c>
    </row>
    <row r="2901" spans="1:6" x14ac:dyDescent="0.25">
      <c r="A2901" s="7"/>
      <c r="B2901" t="s">
        <v>5148</v>
      </c>
      <c r="C2901"/>
      <c r="D2901" t="s">
        <v>2241</v>
      </c>
      <c r="E2901" s="1" t="str">
        <f t="shared" si="626"/>
        <v>http://www.sap.com/community/tag.html?id=466699512615561483430515645513975</v>
      </c>
      <c r="F2901" t="s">
        <v>4913</v>
      </c>
    </row>
    <row r="2902" spans="1:6" x14ac:dyDescent="0.25">
      <c r="A2902" s="7"/>
      <c r="B2902" t="s">
        <v>5149</v>
      </c>
      <c r="C2902"/>
      <c r="D2902" t="s">
        <v>2241</v>
      </c>
      <c r="E2902" s="1" t="str">
        <f t="shared" si="626"/>
        <v>http://www.sap.com/community/tag.html?id=10027901995226543076552839495060</v>
      </c>
      <c r="F2902" t="s">
        <v>4914</v>
      </c>
    </row>
    <row r="2903" spans="1:6" x14ac:dyDescent="0.25">
      <c r="A2903" s="7"/>
      <c r="B2903" t="s">
        <v>5150</v>
      </c>
      <c r="C2903"/>
      <c r="D2903" t="s">
        <v>2241</v>
      </c>
      <c r="E2903" s="1" t="str">
        <f t="shared" si="626"/>
        <v>http://www.sap.com/community/tag.html?id=271076705480744283548543960420215</v>
      </c>
      <c r="F2903" t="s">
        <v>4902</v>
      </c>
    </row>
    <row r="2904" spans="1:6" x14ac:dyDescent="0.25">
      <c r="A2904" s="7"/>
      <c r="B2904" t="s">
        <v>5151</v>
      </c>
      <c r="C2904"/>
      <c r="D2904" t="s">
        <v>2241</v>
      </c>
      <c r="E2904" s="1" t="str">
        <f t="shared" si="626"/>
        <v>http://www.sap.com/community/tag.html?id=629074762716334381746959911269220</v>
      </c>
      <c r="F2904" t="s">
        <v>4933</v>
      </c>
    </row>
    <row r="2905" spans="1:6" x14ac:dyDescent="0.25">
      <c r="A2905" s="7"/>
      <c r="B2905" t="s">
        <v>5152</v>
      </c>
      <c r="C2905"/>
      <c r="D2905" t="s">
        <v>2241</v>
      </c>
      <c r="E2905" s="1" t="str">
        <f t="shared" si="626"/>
        <v>http://www.sap.com/community/tag.html?id=716391172020710511372986531530988</v>
      </c>
      <c r="F2905" t="s">
        <v>4934</v>
      </c>
    </row>
    <row r="2906" spans="1:6" x14ac:dyDescent="0.25">
      <c r="A2906" s="7"/>
      <c r="B2906" t="s">
        <v>5153</v>
      </c>
      <c r="C2906"/>
      <c r="D2906" t="s">
        <v>2241</v>
      </c>
      <c r="E2906" s="1" t="str">
        <f t="shared" si="626"/>
        <v>http://www.sap.com/community/tag.html?id=94939998652682598544491292380812</v>
      </c>
      <c r="F2906" t="s">
        <v>5154</v>
      </c>
    </row>
    <row r="2907" spans="1:6" x14ac:dyDescent="0.25">
      <c r="A2907" s="7"/>
      <c r="B2907" t="s">
        <v>5155</v>
      </c>
      <c r="C2907"/>
      <c r="D2907" t="s">
        <v>2241</v>
      </c>
      <c r="E2907" s="1" t="str">
        <f t="shared" si="626"/>
        <v>http://www.sap.com/community/tag.html?id=865714079880431595389250801061591</v>
      </c>
      <c r="F2907" t="s">
        <v>4935</v>
      </c>
    </row>
    <row r="2908" spans="1:6" x14ac:dyDescent="0.25">
      <c r="A2908" s="7"/>
      <c r="B2908" t="s">
        <v>5156</v>
      </c>
      <c r="C2908"/>
      <c r="D2908" t="s">
        <v>2241</v>
      </c>
      <c r="E2908" s="1" t="str">
        <f t="shared" si="626"/>
        <v>http://www.sap.com/community/tag.html?id=832822153792048392693274466845864</v>
      </c>
      <c r="F2908" t="s">
        <v>4936</v>
      </c>
    </row>
    <row r="2909" spans="1:6" x14ac:dyDescent="0.25">
      <c r="A2909" s="7"/>
      <c r="B2909" t="s">
        <v>5157</v>
      </c>
      <c r="C2909"/>
      <c r="D2909" t="s">
        <v>2241</v>
      </c>
      <c r="E2909" s="1" t="str">
        <f t="shared" ref="E2909:E2972" si="627" xml:space="preserve"> HYPERLINK(CONCATENATE("http://www.sap.com/community/tag.html?id=",$F2909))</f>
        <v>http://www.sap.com/community/tag.html?id=224051326006494459385682004442285</v>
      </c>
      <c r="F2909" t="s">
        <v>4937</v>
      </c>
    </row>
    <row r="2910" spans="1:6" x14ac:dyDescent="0.25">
      <c r="A2910" s="7"/>
      <c r="B2910" t="s">
        <v>5158</v>
      </c>
      <c r="C2910"/>
      <c r="D2910" t="s">
        <v>2241</v>
      </c>
      <c r="E2910" s="1" t="str">
        <f t="shared" si="627"/>
        <v>http://www.sap.com/community/tag.html?id=493706448058243238508632186627562</v>
      </c>
      <c r="F2910" t="s">
        <v>4938</v>
      </c>
    </row>
    <row r="2911" spans="1:6" x14ac:dyDescent="0.25">
      <c r="A2911" s="7"/>
      <c r="B2911" t="s">
        <v>5159</v>
      </c>
      <c r="C2911"/>
      <c r="D2911" t="s">
        <v>2241</v>
      </c>
      <c r="E2911" s="1" t="str">
        <f t="shared" si="627"/>
        <v>http://www.sap.com/community/tag.html?id=908268185089197093202840551891078</v>
      </c>
      <c r="F2911" t="s">
        <v>4939</v>
      </c>
    </row>
    <row r="2912" spans="1:6" x14ac:dyDescent="0.25">
      <c r="A2912" s="7"/>
      <c r="B2912" t="s">
        <v>5160</v>
      </c>
      <c r="C2912"/>
      <c r="D2912" t="s">
        <v>2241</v>
      </c>
      <c r="E2912" s="1" t="str">
        <f t="shared" si="627"/>
        <v>http://www.sap.com/community/tag.html?id=280909257853820289811451573728573</v>
      </c>
      <c r="F2912" t="s">
        <v>4940</v>
      </c>
    </row>
    <row r="2913" spans="1:6" x14ac:dyDescent="0.25">
      <c r="A2913" s="7"/>
      <c r="B2913" t="s">
        <v>5265</v>
      </c>
      <c r="C2913"/>
      <c r="D2913" t="s">
        <v>2241</v>
      </c>
      <c r="E2913" s="1" t="str">
        <f t="shared" si="627"/>
        <v>http://www.sap.com/community/tag.html?id=724814917412511087954547042734363</v>
      </c>
      <c r="F2913" t="s">
        <v>5334</v>
      </c>
    </row>
    <row r="2914" spans="1:6" x14ac:dyDescent="0.25">
      <c r="A2914" s="7"/>
      <c r="B2914" t="s">
        <v>5266</v>
      </c>
      <c r="C2914"/>
      <c r="D2914" t="s">
        <v>2241</v>
      </c>
      <c r="E2914" s="1" t="str">
        <f t="shared" si="627"/>
        <v>http://www.sap.com/community/tag.html?id=847107215845311731556717028018005</v>
      </c>
      <c r="F2914" t="s">
        <v>5335</v>
      </c>
    </row>
    <row r="2915" spans="1:6" x14ac:dyDescent="0.25">
      <c r="A2915" s="7"/>
      <c r="B2915" t="s">
        <v>5161</v>
      </c>
      <c r="C2915"/>
      <c r="D2915" t="s">
        <v>2241</v>
      </c>
      <c r="E2915" s="1" t="str">
        <f t="shared" si="627"/>
        <v>http://www.sap.com/community/tag.html?id=907900296036854683333078008146613</v>
      </c>
      <c r="F2915" t="s">
        <v>4941</v>
      </c>
    </row>
    <row r="2916" spans="1:6" x14ac:dyDescent="0.25">
      <c r="A2916" s="7"/>
      <c r="B2916" t="s">
        <v>5267</v>
      </c>
      <c r="C2916"/>
      <c r="D2916" t="s">
        <v>2241</v>
      </c>
      <c r="E2916" s="1" t="str">
        <f t="shared" si="627"/>
        <v>http://www.sap.com/community/tag.html?id=71815681818199381775049077522661</v>
      </c>
      <c r="F2916" t="s">
        <v>5336</v>
      </c>
    </row>
    <row r="2917" spans="1:6" x14ac:dyDescent="0.25">
      <c r="A2917" s="7"/>
      <c r="B2917" t="s">
        <v>5517</v>
      </c>
      <c r="C2917"/>
      <c r="D2917" t="s">
        <v>2241</v>
      </c>
      <c r="E2917" s="1" t="str">
        <f t="shared" si="627"/>
        <v>http://www.sap.com/community/tag.html?id=668874921104038800958643358380369</v>
      </c>
      <c r="F2917" t="s">
        <v>5516</v>
      </c>
    </row>
    <row r="2918" spans="1:6" x14ac:dyDescent="0.25">
      <c r="A2918" s="7"/>
      <c r="B2918" t="s">
        <v>5268</v>
      </c>
      <c r="C2918"/>
      <c r="D2918" t="s">
        <v>2241</v>
      </c>
      <c r="E2918" s="1" t="str">
        <f t="shared" si="627"/>
        <v>http://www.sap.com/community/tag.html?id=351055727696907065417185253431672</v>
      </c>
      <c r="F2918" t="s">
        <v>4863</v>
      </c>
    </row>
    <row r="2919" spans="1:6" x14ac:dyDescent="0.25">
      <c r="A2919" s="7"/>
      <c r="B2919" t="s">
        <v>5269</v>
      </c>
      <c r="C2919"/>
      <c r="D2919" t="s">
        <v>2241</v>
      </c>
      <c r="E2919" s="1" t="str">
        <f t="shared" si="627"/>
        <v>http://www.sap.com/community/tag.html?id=538710751289542466232554247536294</v>
      </c>
      <c r="F2919" t="s">
        <v>5337</v>
      </c>
    </row>
    <row r="2920" spans="1:6" x14ac:dyDescent="0.25">
      <c r="A2920" s="7"/>
      <c r="B2920" t="s">
        <v>5270</v>
      </c>
      <c r="C2920"/>
      <c r="D2920" t="s">
        <v>2241</v>
      </c>
      <c r="E2920" s="1" t="str">
        <f t="shared" si="627"/>
        <v>http://www.sap.com/community/tag.html?id=401187636412640296797408650913609</v>
      </c>
      <c r="F2920" t="s">
        <v>5338</v>
      </c>
    </row>
    <row r="2921" spans="1:6" x14ac:dyDescent="0.25">
      <c r="A2921" s="7"/>
      <c r="B2921" t="s">
        <v>5170</v>
      </c>
      <c r="C2921"/>
      <c r="D2921" t="s">
        <v>2241</v>
      </c>
      <c r="E2921" s="1" t="str">
        <f t="shared" si="627"/>
        <v>http://www.sap.com/community/tag.html?id=564816056037766647630637313516056</v>
      </c>
      <c r="F2921" t="s">
        <v>4915</v>
      </c>
    </row>
    <row r="2922" spans="1:6" x14ac:dyDescent="0.25">
      <c r="A2922" s="7"/>
      <c r="B2922" t="s">
        <v>5519</v>
      </c>
      <c r="C2922"/>
      <c r="D2922" t="s">
        <v>2241</v>
      </c>
      <c r="E2922" s="1" t="str">
        <f t="shared" si="627"/>
        <v>http://www.sap.com/community/tag.html?id=477916618626075516391832082074785</v>
      </c>
      <c r="F2922" t="s">
        <v>5518</v>
      </c>
    </row>
    <row r="2923" spans="1:6" x14ac:dyDescent="0.25">
      <c r="A2923" s="7"/>
      <c r="B2923" t="s">
        <v>5171</v>
      </c>
      <c r="C2923"/>
      <c r="D2923" t="s">
        <v>2241</v>
      </c>
      <c r="E2923" s="1" t="str">
        <f t="shared" si="627"/>
        <v>http://www.sap.com/community/tag.html?id=791935194581077217831679640306539</v>
      </c>
      <c r="F2923" t="s">
        <v>5172</v>
      </c>
    </row>
    <row r="2924" spans="1:6" x14ac:dyDescent="0.25">
      <c r="A2924" s="7"/>
      <c r="B2924" t="s">
        <v>5173</v>
      </c>
      <c r="C2924"/>
      <c r="D2924" t="s">
        <v>2241</v>
      </c>
      <c r="E2924" s="1" t="str">
        <f t="shared" si="627"/>
        <v>http://www.sap.com/community/tag.html?id=92122447935836147354931218505817</v>
      </c>
      <c r="F2924" t="s">
        <v>5174</v>
      </c>
    </row>
    <row r="2925" spans="1:6" x14ac:dyDescent="0.25">
      <c r="A2925" s="7"/>
      <c r="B2925" t="s">
        <v>5521</v>
      </c>
      <c r="C2925"/>
      <c r="D2925" t="s">
        <v>2241</v>
      </c>
      <c r="E2925" s="1" t="str">
        <f t="shared" si="627"/>
        <v>http://www.sap.com/community/tag.html?id=281348484285791548287640397557224</v>
      </c>
      <c r="F2925" t="s">
        <v>5520</v>
      </c>
    </row>
    <row r="2926" spans="1:6" x14ac:dyDescent="0.25">
      <c r="A2926" s="7"/>
      <c r="B2926" t="s">
        <v>1914</v>
      </c>
      <c r="C2926"/>
      <c r="D2926" t="s">
        <v>2241</v>
      </c>
      <c r="E2926" s="1" t="str">
        <f t="shared" si="627"/>
        <v>http://www.sap.com/community/tag.html?id=156567721394665798631771766547883</v>
      </c>
      <c r="F2926" t="s">
        <v>4942</v>
      </c>
    </row>
    <row r="2927" spans="1:6" x14ac:dyDescent="0.25">
      <c r="A2927" s="7"/>
      <c r="B2927" t="s">
        <v>1478</v>
      </c>
      <c r="C2927"/>
      <c r="D2927" t="s">
        <v>2241</v>
      </c>
      <c r="E2927" s="1" t="str">
        <f t="shared" si="627"/>
        <v>http://www.sap.com/community/tag.html?id=831760483429480593235219581287320</v>
      </c>
      <c r="F2927" t="s">
        <v>4943</v>
      </c>
    </row>
    <row r="2928" spans="1:6" x14ac:dyDescent="0.25">
      <c r="A2928" s="7"/>
      <c r="B2928" t="s">
        <v>406</v>
      </c>
      <c r="C2928"/>
      <c r="D2928" t="s">
        <v>2241</v>
      </c>
      <c r="E2928" s="1" t="str">
        <f t="shared" si="627"/>
        <v>http://www.sap.com/community/tag.html?id=499575271792294262653374898930476</v>
      </c>
      <c r="F2928" t="s">
        <v>4944</v>
      </c>
    </row>
    <row r="2929" spans="1:6" x14ac:dyDescent="0.25">
      <c r="A2929" s="7"/>
      <c r="B2929" t="s">
        <v>5175</v>
      </c>
      <c r="C2929"/>
      <c r="D2929" t="s">
        <v>2241</v>
      </c>
      <c r="E2929" s="1" t="str">
        <f t="shared" si="627"/>
        <v>http://www.sap.com/community/tag.html?id=768232806925055964411164028422584</v>
      </c>
      <c r="F2929" t="s">
        <v>5176</v>
      </c>
    </row>
    <row r="2930" spans="1:6" x14ac:dyDescent="0.25">
      <c r="A2930" s="7"/>
      <c r="B2930" t="s">
        <v>5177</v>
      </c>
      <c r="C2930"/>
      <c r="D2930" t="s">
        <v>2241</v>
      </c>
      <c r="E2930" s="1" t="str">
        <f t="shared" si="627"/>
        <v>http://www.sap.com/community/tag.html?id=535959991487463189008370055922387</v>
      </c>
      <c r="F2930" t="s">
        <v>4945</v>
      </c>
    </row>
    <row r="2931" spans="1:6" x14ac:dyDescent="0.25">
      <c r="A2931" s="7"/>
      <c r="B2931" t="s">
        <v>1935</v>
      </c>
      <c r="C2931"/>
      <c r="D2931" t="s">
        <v>2241</v>
      </c>
      <c r="E2931" s="1" t="str">
        <f t="shared" si="627"/>
        <v>http://www.sap.com/community/tag.html?id=448792791032605470796248215208796</v>
      </c>
      <c r="F2931" t="s">
        <v>4946</v>
      </c>
    </row>
    <row r="2932" spans="1:6" x14ac:dyDescent="0.25">
      <c r="A2932" s="7"/>
      <c r="B2932" t="s">
        <v>843</v>
      </c>
      <c r="C2932"/>
      <c r="D2932" t="s">
        <v>2241</v>
      </c>
      <c r="E2932" s="1" t="str">
        <f t="shared" si="627"/>
        <v>http://www.sap.com/community/tag.html?id=724687614981015377354445964371065</v>
      </c>
      <c r="F2932" t="s">
        <v>4947</v>
      </c>
    </row>
    <row r="2933" spans="1:6" x14ac:dyDescent="0.25">
      <c r="A2933" s="7"/>
      <c r="B2933" t="s">
        <v>1908</v>
      </c>
      <c r="C2933"/>
      <c r="D2933" t="s">
        <v>2241</v>
      </c>
      <c r="E2933" s="1" t="str">
        <f t="shared" si="627"/>
        <v>http://www.sap.com/community/tag.html?id=417887887363046726336759073839005</v>
      </c>
      <c r="F2933" t="s">
        <v>4948</v>
      </c>
    </row>
    <row r="2934" spans="1:6" x14ac:dyDescent="0.25">
      <c r="A2934" s="7"/>
      <c r="B2934" t="s">
        <v>523</v>
      </c>
      <c r="C2934"/>
      <c r="D2934" t="s">
        <v>2241</v>
      </c>
      <c r="E2934" s="1" t="str">
        <f t="shared" si="627"/>
        <v>http://www.sap.com/community/tag.html?id=209057551571413566377230676804921</v>
      </c>
      <c r="F2934" t="s">
        <v>4949</v>
      </c>
    </row>
    <row r="2935" spans="1:6" x14ac:dyDescent="0.25">
      <c r="A2935" s="7"/>
      <c r="B2935" t="s">
        <v>854</v>
      </c>
      <c r="C2935"/>
      <c r="D2935" t="s">
        <v>2241</v>
      </c>
      <c r="E2935" s="1" t="str">
        <f t="shared" si="627"/>
        <v>http://www.sap.com/community/tag.html?id=102045428488054002446664744695930</v>
      </c>
      <c r="F2935" t="s">
        <v>4950</v>
      </c>
    </row>
    <row r="2936" spans="1:6" x14ac:dyDescent="0.25">
      <c r="A2936" s="7"/>
      <c r="B2936" t="s">
        <v>49</v>
      </c>
      <c r="C2936"/>
      <c r="D2936" t="s">
        <v>2241</v>
      </c>
      <c r="E2936" s="1" t="str">
        <f t="shared" si="627"/>
        <v>http://www.sap.com/community/tag.html?id=167431589774684563301227734202839</v>
      </c>
      <c r="F2936" t="s">
        <v>4951</v>
      </c>
    </row>
    <row r="2937" spans="1:6" x14ac:dyDescent="0.25">
      <c r="A2937" s="7"/>
      <c r="B2937" t="s">
        <v>5271</v>
      </c>
      <c r="C2937"/>
      <c r="D2937" t="s">
        <v>2241</v>
      </c>
      <c r="E2937" s="1" t="str">
        <f t="shared" si="627"/>
        <v>http://www.sap.com/community/tag.html?id=162418350100490782361144050849960</v>
      </c>
      <c r="F2937" t="s">
        <v>4952</v>
      </c>
    </row>
    <row r="2938" spans="1:6" x14ac:dyDescent="0.25">
      <c r="A2938" s="7"/>
      <c r="B2938" t="s">
        <v>5272</v>
      </c>
      <c r="C2938"/>
      <c r="D2938" t="s">
        <v>2241</v>
      </c>
      <c r="E2938" s="1" t="str">
        <f t="shared" si="627"/>
        <v>http://www.sap.com/community/tag.html?id=644519086155833332903925375328638</v>
      </c>
      <c r="F2938" t="s">
        <v>4953</v>
      </c>
    </row>
    <row r="2939" spans="1:6" x14ac:dyDescent="0.25">
      <c r="A2939" s="7"/>
      <c r="B2939" t="s">
        <v>5273</v>
      </c>
      <c r="C2939"/>
      <c r="D2939" t="s">
        <v>2241</v>
      </c>
      <c r="E2939" s="1" t="str">
        <f t="shared" si="627"/>
        <v>http://www.sap.com/community/tag.html?id=4636662169332533231618724791910</v>
      </c>
      <c r="F2939" t="s">
        <v>4954</v>
      </c>
    </row>
    <row r="2940" spans="1:6" x14ac:dyDescent="0.25">
      <c r="A2940" s="7"/>
      <c r="B2940" t="s">
        <v>5274</v>
      </c>
      <c r="C2940"/>
      <c r="D2940" t="s">
        <v>2241</v>
      </c>
      <c r="E2940" s="1" t="str">
        <f t="shared" si="627"/>
        <v>http://www.sap.com/community/tag.html?id=681405860242501232266070960678260</v>
      </c>
      <c r="F2940" t="s">
        <v>4955</v>
      </c>
    </row>
    <row r="2941" spans="1:6" x14ac:dyDescent="0.25">
      <c r="A2941" s="7"/>
      <c r="B2941" t="s">
        <v>5275</v>
      </c>
      <c r="C2941"/>
      <c r="D2941" t="s">
        <v>2241</v>
      </c>
      <c r="E2941" s="1" t="str">
        <f t="shared" si="627"/>
        <v>http://www.sap.com/community/tag.html?id=5486596094282663961850738084715</v>
      </c>
      <c r="F2941" t="s">
        <v>4956</v>
      </c>
    </row>
    <row r="2942" spans="1:6" x14ac:dyDescent="0.25">
      <c r="A2942" s="7"/>
      <c r="B2942" t="s">
        <v>5178</v>
      </c>
      <c r="C2942"/>
      <c r="D2942" t="s">
        <v>2241</v>
      </c>
      <c r="E2942" s="1" t="str">
        <f t="shared" si="627"/>
        <v>http://www.sap.com/community/tag.html?id=99724818299614502762190973596969</v>
      </c>
      <c r="F2942" t="s">
        <v>5179</v>
      </c>
    </row>
    <row r="2943" spans="1:6" x14ac:dyDescent="0.25">
      <c r="A2943" s="7"/>
      <c r="B2943" t="s">
        <v>5180</v>
      </c>
      <c r="C2943"/>
      <c r="D2943" t="s">
        <v>2241</v>
      </c>
      <c r="E2943" s="1" t="str">
        <f t="shared" si="627"/>
        <v>http://www.sap.com/community/tag.html?id=250948378054223096392454848767354</v>
      </c>
      <c r="F2943" t="s">
        <v>4957</v>
      </c>
    </row>
    <row r="2944" spans="1:6" x14ac:dyDescent="0.25">
      <c r="A2944" s="7"/>
      <c r="B2944" t="s">
        <v>1733</v>
      </c>
      <c r="C2944"/>
      <c r="D2944" t="s">
        <v>2241</v>
      </c>
      <c r="E2944" s="1" t="str">
        <f t="shared" si="627"/>
        <v>http://www.sap.com/community/tag.html?id=410250962940517507034023885688755</v>
      </c>
      <c r="F2944" t="s">
        <v>4958</v>
      </c>
    </row>
    <row r="2945" spans="1:6" x14ac:dyDescent="0.25">
      <c r="A2945" s="7"/>
      <c r="B2945" t="s">
        <v>5181</v>
      </c>
      <c r="C2945"/>
      <c r="D2945" t="s">
        <v>2241</v>
      </c>
      <c r="E2945" s="1" t="str">
        <f t="shared" si="627"/>
        <v>http://www.sap.com/community/tag.html?id=416658401661843526040169665289086</v>
      </c>
      <c r="F2945" t="s">
        <v>5182</v>
      </c>
    </row>
    <row r="2946" spans="1:6" x14ac:dyDescent="0.25">
      <c r="A2946" s="7"/>
      <c r="B2946" t="s">
        <v>1400</v>
      </c>
      <c r="C2946"/>
      <c r="D2946" t="s">
        <v>2241</v>
      </c>
      <c r="E2946" s="1" t="str">
        <f t="shared" si="627"/>
        <v>http://www.sap.com/community/tag.html?id=182542228769759641292999239253882</v>
      </c>
      <c r="F2946" t="s">
        <v>4959</v>
      </c>
    </row>
    <row r="2947" spans="1:6" x14ac:dyDescent="0.25">
      <c r="A2947" s="7"/>
      <c r="B2947" t="s">
        <v>1752</v>
      </c>
      <c r="C2947"/>
      <c r="D2947" t="s">
        <v>2241</v>
      </c>
      <c r="E2947" s="1" t="str">
        <f t="shared" si="627"/>
        <v>http://www.sap.com/community/tag.html?id=443595830163800786360189759964915</v>
      </c>
      <c r="F2947" t="s">
        <v>4962</v>
      </c>
    </row>
    <row r="2948" spans="1:6" x14ac:dyDescent="0.25">
      <c r="A2948" s="7"/>
      <c r="B2948" t="s">
        <v>5183</v>
      </c>
      <c r="C2948"/>
      <c r="D2948" t="s">
        <v>2241</v>
      </c>
      <c r="E2948" s="1" t="str">
        <f t="shared" si="627"/>
        <v>http://www.sap.com/community/tag.html?id=859834545111167391953063734572784</v>
      </c>
      <c r="F2948" t="s">
        <v>4964</v>
      </c>
    </row>
    <row r="2949" spans="1:6" x14ac:dyDescent="0.25">
      <c r="A2949" s="7"/>
      <c r="B2949" t="s">
        <v>5184</v>
      </c>
      <c r="C2949"/>
      <c r="D2949" t="s">
        <v>2241</v>
      </c>
      <c r="E2949" s="1" t="str">
        <f t="shared" si="627"/>
        <v>http://www.sap.com/community/tag.html?id=188663251671469173336120566262897</v>
      </c>
      <c r="F2949" t="s">
        <v>4965</v>
      </c>
    </row>
    <row r="2950" spans="1:6" x14ac:dyDescent="0.25">
      <c r="A2950" s="7"/>
      <c r="B2950" t="s">
        <v>5185</v>
      </c>
      <c r="C2950"/>
      <c r="D2950" t="s">
        <v>2241</v>
      </c>
      <c r="E2950" s="1" t="str">
        <f t="shared" si="627"/>
        <v>http://www.sap.com/community/tag.html?id=773921536755532122004239005965168</v>
      </c>
      <c r="F2950" t="s">
        <v>4961</v>
      </c>
    </row>
    <row r="2951" spans="1:6" x14ac:dyDescent="0.25">
      <c r="A2951" s="7"/>
      <c r="B2951" t="s">
        <v>5186</v>
      </c>
      <c r="C2951"/>
      <c r="D2951" t="s">
        <v>2241</v>
      </c>
      <c r="E2951" s="1" t="str">
        <f t="shared" si="627"/>
        <v>http://www.sap.com/community/tag.html?id=876619786935845126962162607976597</v>
      </c>
      <c r="F2951" t="s">
        <v>4960</v>
      </c>
    </row>
    <row r="2952" spans="1:6" x14ac:dyDescent="0.25">
      <c r="A2952" s="7"/>
      <c r="B2952" t="s">
        <v>5187</v>
      </c>
      <c r="C2952"/>
      <c r="D2952" t="s">
        <v>2241</v>
      </c>
      <c r="E2952" s="1" t="str">
        <f t="shared" si="627"/>
        <v>http://www.sap.com/community/tag.html?id=212358834767912649313917434384826</v>
      </c>
      <c r="F2952" t="s">
        <v>4963</v>
      </c>
    </row>
    <row r="2953" spans="1:6" x14ac:dyDescent="0.25">
      <c r="A2953" s="7"/>
      <c r="B2953" t="s">
        <v>5188</v>
      </c>
      <c r="C2953"/>
      <c r="D2953" t="s">
        <v>2241</v>
      </c>
      <c r="E2953" s="1" t="str">
        <f t="shared" si="627"/>
        <v>http://www.sap.com/community/tag.html?id=132949817163443344955330185779754</v>
      </c>
      <c r="F2953" t="s">
        <v>5189</v>
      </c>
    </row>
    <row r="2954" spans="1:6" x14ac:dyDescent="0.25">
      <c r="A2954" s="7"/>
      <c r="B2954" t="s">
        <v>5523</v>
      </c>
      <c r="C2954"/>
      <c r="D2954" t="s">
        <v>2241</v>
      </c>
      <c r="E2954" s="1" t="str">
        <f t="shared" si="627"/>
        <v>http://www.sap.com/community/tag.html?id=506426032488252737092735920280908</v>
      </c>
      <c r="F2954" t="s">
        <v>5522</v>
      </c>
    </row>
    <row r="2955" spans="1:6" x14ac:dyDescent="0.25">
      <c r="A2955" s="7"/>
      <c r="B2955" t="s">
        <v>5525</v>
      </c>
      <c r="C2955"/>
      <c r="D2955" t="s">
        <v>2241</v>
      </c>
      <c r="E2955" s="1" t="str">
        <f t="shared" si="627"/>
        <v>http://www.sap.com/community/tag.html?id=134161622551564560621147015945683</v>
      </c>
      <c r="F2955" t="s">
        <v>5524</v>
      </c>
    </row>
    <row r="2956" spans="1:6" x14ac:dyDescent="0.25">
      <c r="A2956" s="7"/>
      <c r="B2956" t="s">
        <v>5527</v>
      </c>
      <c r="C2956"/>
      <c r="D2956" t="s">
        <v>2241</v>
      </c>
      <c r="E2956" s="1" t="str">
        <f t="shared" si="627"/>
        <v>http://www.sap.com/community/tag.html?id=739171255177193872828925894555212</v>
      </c>
      <c r="F2956" t="s">
        <v>5526</v>
      </c>
    </row>
    <row r="2957" spans="1:6" x14ac:dyDescent="0.25">
      <c r="A2957" s="7"/>
      <c r="B2957" t="s">
        <v>5529</v>
      </c>
      <c r="C2957"/>
      <c r="D2957" t="s">
        <v>2241</v>
      </c>
      <c r="E2957" s="1" t="str">
        <f t="shared" si="627"/>
        <v>http://www.sap.com/community/tag.html?id=171011427049691057126808288877224</v>
      </c>
      <c r="F2957" t="s">
        <v>5528</v>
      </c>
    </row>
    <row r="2958" spans="1:6" x14ac:dyDescent="0.25">
      <c r="A2958" s="7"/>
      <c r="B2958" t="s">
        <v>5531</v>
      </c>
      <c r="C2958"/>
      <c r="D2958" t="s">
        <v>2241</v>
      </c>
      <c r="E2958" s="1" t="str">
        <f t="shared" si="627"/>
        <v>http://www.sap.com/community/tag.html?id=431648573204794944006001742356989</v>
      </c>
      <c r="F2958" t="s">
        <v>5530</v>
      </c>
    </row>
    <row r="2959" spans="1:6" x14ac:dyDescent="0.25">
      <c r="A2959" s="7"/>
      <c r="B2959" t="s">
        <v>5533</v>
      </c>
      <c r="C2959"/>
      <c r="D2959" t="s">
        <v>2241</v>
      </c>
      <c r="E2959" s="1" t="str">
        <f t="shared" si="627"/>
        <v>http://www.sap.com/community/tag.html?id=255336459886708444682483813833052</v>
      </c>
      <c r="F2959" t="s">
        <v>5532</v>
      </c>
    </row>
    <row r="2960" spans="1:6" x14ac:dyDescent="0.25">
      <c r="A2960" s="7"/>
      <c r="B2960" t="s">
        <v>5535</v>
      </c>
      <c r="C2960"/>
      <c r="D2960" t="s">
        <v>2241</v>
      </c>
      <c r="E2960" s="1" t="str">
        <f t="shared" si="627"/>
        <v>http://www.sap.com/community/tag.html?id=654523857109541671748834164942130</v>
      </c>
      <c r="F2960" t="s">
        <v>5534</v>
      </c>
    </row>
    <row r="2961" spans="1:6" x14ac:dyDescent="0.25">
      <c r="A2961" s="7"/>
      <c r="B2961" t="s">
        <v>5537</v>
      </c>
      <c r="C2961"/>
      <c r="D2961" t="s">
        <v>2241</v>
      </c>
      <c r="E2961" s="1" t="str">
        <f t="shared" si="627"/>
        <v>http://www.sap.com/community/tag.html?id=688750589059708968293975903543049</v>
      </c>
      <c r="F2961" t="s">
        <v>5536</v>
      </c>
    </row>
    <row r="2962" spans="1:6" x14ac:dyDescent="0.25">
      <c r="A2962" s="7"/>
      <c r="B2962" t="s">
        <v>5539</v>
      </c>
      <c r="C2962"/>
      <c r="D2962" t="s">
        <v>2241</v>
      </c>
      <c r="E2962" s="1" t="str">
        <f t="shared" si="627"/>
        <v>http://www.sap.com/community/tag.html?id=398572143799331634934355892574857</v>
      </c>
      <c r="F2962" t="s">
        <v>5538</v>
      </c>
    </row>
    <row r="2963" spans="1:6" x14ac:dyDescent="0.25">
      <c r="A2963" s="7"/>
      <c r="B2963" t="s">
        <v>5541</v>
      </c>
      <c r="C2963"/>
      <c r="D2963" t="s">
        <v>2241</v>
      </c>
      <c r="E2963" s="1" t="str">
        <f t="shared" si="627"/>
        <v>http://www.sap.com/community/tag.html?id=54103288239923032239740921327728</v>
      </c>
      <c r="F2963" t="s">
        <v>5540</v>
      </c>
    </row>
    <row r="2964" spans="1:6" x14ac:dyDescent="0.25">
      <c r="A2964" s="7"/>
      <c r="B2964" t="s">
        <v>5543</v>
      </c>
      <c r="C2964"/>
      <c r="D2964" t="s">
        <v>2241</v>
      </c>
      <c r="E2964" s="1" t="str">
        <f t="shared" si="627"/>
        <v>http://www.sap.com/community/tag.html?id=368249041619187398289075991166898</v>
      </c>
      <c r="F2964" t="s">
        <v>5542</v>
      </c>
    </row>
    <row r="2965" spans="1:6" x14ac:dyDescent="0.25">
      <c r="A2965" s="7"/>
      <c r="B2965" t="s">
        <v>5545</v>
      </c>
      <c r="C2965"/>
      <c r="D2965" t="s">
        <v>2241</v>
      </c>
      <c r="E2965" s="1" t="str">
        <f t="shared" si="627"/>
        <v>http://www.sap.com/community/tag.html?id=186480879956881305899415400525228</v>
      </c>
      <c r="F2965" t="s">
        <v>5544</v>
      </c>
    </row>
    <row r="2966" spans="1:6" x14ac:dyDescent="0.25">
      <c r="A2966" s="7"/>
      <c r="B2966" t="s">
        <v>5547</v>
      </c>
      <c r="C2966"/>
      <c r="D2966" t="s">
        <v>2241</v>
      </c>
      <c r="E2966" s="1" t="str">
        <f t="shared" si="627"/>
        <v>http://www.sap.com/community/tag.html?id=602631508274933972943452200251441</v>
      </c>
      <c r="F2966" t="s">
        <v>5546</v>
      </c>
    </row>
    <row r="2967" spans="1:6" x14ac:dyDescent="0.25">
      <c r="A2967" s="7"/>
      <c r="B2967" t="s">
        <v>5549</v>
      </c>
      <c r="C2967"/>
      <c r="D2967" t="s">
        <v>2241</v>
      </c>
      <c r="E2967" s="1" t="str">
        <f t="shared" si="627"/>
        <v>http://www.sap.com/community/tag.html?id=677491046300181691546576189479810</v>
      </c>
      <c r="F2967" t="s">
        <v>5548</v>
      </c>
    </row>
    <row r="2968" spans="1:6" x14ac:dyDescent="0.25">
      <c r="A2968" s="7"/>
      <c r="B2968" t="s">
        <v>5551</v>
      </c>
      <c r="C2968"/>
      <c r="D2968" t="s">
        <v>2241</v>
      </c>
      <c r="E2968" s="1" t="str">
        <f t="shared" si="627"/>
        <v>http://www.sap.com/community/tag.html?id=418611516826521573754265367626761</v>
      </c>
      <c r="F2968" t="s">
        <v>5550</v>
      </c>
    </row>
    <row r="2969" spans="1:6" x14ac:dyDescent="0.25">
      <c r="A2969" s="7"/>
      <c r="B2969" t="s">
        <v>5553</v>
      </c>
      <c r="C2969"/>
      <c r="D2969" t="s">
        <v>2241</v>
      </c>
      <c r="E2969" s="1" t="str">
        <f t="shared" si="627"/>
        <v>http://www.sap.com/community/tag.html?id=364861438161153086539850396098327</v>
      </c>
      <c r="F2969" t="s">
        <v>5552</v>
      </c>
    </row>
    <row r="2970" spans="1:6" x14ac:dyDescent="0.25">
      <c r="A2970" s="7"/>
      <c r="B2970" t="s">
        <v>5555</v>
      </c>
      <c r="C2970"/>
      <c r="D2970" t="s">
        <v>2241</v>
      </c>
      <c r="E2970" s="1" t="str">
        <f t="shared" si="627"/>
        <v>http://www.sap.com/community/tag.html?id=396093164386456058015794728035425</v>
      </c>
      <c r="F2970" t="s">
        <v>5554</v>
      </c>
    </row>
    <row r="2971" spans="1:6" x14ac:dyDescent="0.25">
      <c r="A2971" s="7"/>
      <c r="B2971" t="s">
        <v>5557</v>
      </c>
      <c r="C2971"/>
      <c r="D2971" t="s">
        <v>2241</v>
      </c>
      <c r="E2971" s="1" t="str">
        <f t="shared" si="627"/>
        <v>http://www.sap.com/community/tag.html?id=38722471551617022381959970468207</v>
      </c>
      <c r="F2971" t="s">
        <v>5556</v>
      </c>
    </row>
    <row r="2972" spans="1:6" x14ac:dyDescent="0.25">
      <c r="A2972" s="7"/>
      <c r="B2972" t="s">
        <v>38</v>
      </c>
      <c r="C2972"/>
      <c r="D2972" t="s">
        <v>2241</v>
      </c>
      <c r="E2972" s="1" t="str">
        <f t="shared" si="627"/>
        <v>http://www.sap.com/community/tag.html?id=330578359126207838347821318366080</v>
      </c>
      <c r="F2972" t="s">
        <v>4966</v>
      </c>
    </row>
    <row r="2973" spans="1:6" x14ac:dyDescent="0.25">
      <c r="A2973" s="7"/>
      <c r="B2973" t="s">
        <v>1685</v>
      </c>
      <c r="C2973"/>
      <c r="D2973" t="s">
        <v>2241</v>
      </c>
      <c r="E2973" s="1" t="str">
        <f t="shared" ref="E2973:E2981" si="628" xml:space="preserve"> HYPERLINK(CONCATENATE("http://www.sap.com/community/tag.html?id=",$F2973))</f>
        <v>http://www.sap.com/community/tag.html?id=79557766141769182999284286247506</v>
      </c>
      <c r="F2973" t="s">
        <v>4967</v>
      </c>
    </row>
    <row r="2974" spans="1:6" x14ac:dyDescent="0.25">
      <c r="A2974" s="7"/>
      <c r="B2974" t="s">
        <v>5190</v>
      </c>
      <c r="C2974"/>
      <c r="D2974" t="s">
        <v>2241</v>
      </c>
      <c r="E2974" s="1" t="str">
        <f t="shared" si="628"/>
        <v>http://www.sap.com/community/tag.html?id=514184132407067932511783863172239</v>
      </c>
      <c r="F2974" t="s">
        <v>4971</v>
      </c>
    </row>
    <row r="2975" spans="1:6" x14ac:dyDescent="0.25">
      <c r="A2975" s="7"/>
      <c r="B2975" t="s">
        <v>1286</v>
      </c>
      <c r="C2975"/>
      <c r="D2975" t="s">
        <v>2241</v>
      </c>
      <c r="E2975" s="1" t="str">
        <f t="shared" si="628"/>
        <v>http://www.sap.com/community/tag.html?id=365168143769967368427513862901274</v>
      </c>
      <c r="F2975" t="s">
        <v>4968</v>
      </c>
    </row>
    <row r="2976" spans="1:6" x14ac:dyDescent="0.25">
      <c r="A2976" s="7"/>
      <c r="B2976" t="s">
        <v>1965</v>
      </c>
      <c r="C2976"/>
      <c r="D2976" t="s">
        <v>2241</v>
      </c>
      <c r="E2976" s="1" t="str">
        <f t="shared" si="628"/>
        <v>http://www.sap.com/community/tag.html?id=345385326078662132058122667685214</v>
      </c>
      <c r="F2976" t="s">
        <v>4969</v>
      </c>
    </row>
    <row r="2977" spans="1:6" x14ac:dyDescent="0.25">
      <c r="A2977" s="7"/>
      <c r="B2977" t="s">
        <v>792</v>
      </c>
      <c r="C2977"/>
      <c r="D2977" t="s">
        <v>2241</v>
      </c>
      <c r="E2977" s="1" t="str">
        <f t="shared" si="628"/>
        <v>http://www.sap.com/community/tag.html?id=582573882271271216439685697820265</v>
      </c>
      <c r="F2977" t="s">
        <v>4970</v>
      </c>
    </row>
    <row r="2978" spans="1:6" x14ac:dyDescent="0.25">
      <c r="A2978" s="7"/>
      <c r="B2978" t="s">
        <v>1070</v>
      </c>
      <c r="C2978"/>
      <c r="D2978" t="s">
        <v>2241</v>
      </c>
      <c r="E2978" s="1" t="str">
        <f t="shared" si="628"/>
        <v>http://www.sap.com/community/tag.html?id=462330605920974660730944876913277</v>
      </c>
      <c r="F2978" t="s">
        <v>4972</v>
      </c>
    </row>
    <row r="2979" spans="1:6" x14ac:dyDescent="0.25">
      <c r="A2979" s="7"/>
      <c r="B2979" t="s">
        <v>2132</v>
      </c>
      <c r="C2979"/>
      <c r="D2979" t="s">
        <v>2241</v>
      </c>
      <c r="E2979" s="1" t="str">
        <f t="shared" si="628"/>
        <v>http://www.sap.com/community/tag.html?id=885637886956690655481733629583275</v>
      </c>
      <c r="F2979" t="s">
        <v>4973</v>
      </c>
    </row>
    <row r="2980" spans="1:6" x14ac:dyDescent="0.25">
      <c r="A2980" s="7"/>
      <c r="B2980" t="s">
        <v>1299</v>
      </c>
      <c r="C2980"/>
      <c r="D2980" t="s">
        <v>2241</v>
      </c>
      <c r="E2980" s="1" t="str">
        <f t="shared" si="628"/>
        <v>http://www.sap.com/community/tag.html?id=556322785902137845563033908644701</v>
      </c>
      <c r="F2980" t="s">
        <v>4974</v>
      </c>
    </row>
    <row r="2981" spans="1:6" x14ac:dyDescent="0.25">
      <c r="A2981" s="7"/>
      <c r="B2981" t="s">
        <v>1712</v>
      </c>
      <c r="C2981"/>
      <c r="D2981" t="s">
        <v>2241</v>
      </c>
      <c r="E2981" s="1" t="str">
        <f t="shared" si="628"/>
        <v>http://www.sap.com/community/tag.html?id=124125469642888240532580689115094</v>
      </c>
      <c r="F2981" t="s">
        <v>4975</v>
      </c>
    </row>
    <row r="2982" spans="1:6" x14ac:dyDescent="0.25">
      <c r="A2982" s="15" t="s">
        <v>2156</v>
      </c>
      <c r="B2982" s="16"/>
      <c r="C2982" s="16"/>
      <c r="D2982" s="16"/>
      <c r="E2982" s="16"/>
      <c r="F2982" s="6"/>
    </row>
    <row r="2983" spans="1:6" x14ac:dyDescent="0.25">
      <c r="A2983" s="7"/>
      <c r="B2983" s="7" t="s">
        <v>211</v>
      </c>
      <c r="D2983" s="8" t="s">
        <v>2243</v>
      </c>
      <c r="E2983" s="1" t="str">
        <f t="shared" ref="E2983:E3002" si="629" xml:space="preserve"> HYPERLINK(CONCATENATE("http://www.sap.com/community/tag.html?id=",$F2983))</f>
        <v>http://www.sap.com/community/tag.html?id=LOB_139</v>
      </c>
      <c r="F2983" s="7" t="s">
        <v>4976</v>
      </c>
    </row>
    <row r="2984" spans="1:6" x14ac:dyDescent="0.25">
      <c r="A2984" s="7"/>
      <c r="B2984" s="7" t="s">
        <v>1216</v>
      </c>
      <c r="D2984" s="8" t="s">
        <v>2243</v>
      </c>
      <c r="E2984" s="1" t="str">
        <f t="shared" si="629"/>
        <v>http://www.sap.com/community/tag.html?id=LOB_202</v>
      </c>
      <c r="F2984" s="7" t="s">
        <v>4977</v>
      </c>
    </row>
    <row r="2985" spans="1:6" x14ac:dyDescent="0.25">
      <c r="A2985" s="7"/>
      <c r="B2985" s="7" t="s">
        <v>1595</v>
      </c>
      <c r="D2985" s="8" t="s">
        <v>2243</v>
      </c>
      <c r="E2985" s="1" t="str">
        <f t="shared" si="629"/>
        <v>http://www.sap.com/community/tag.html?id=LOB_62</v>
      </c>
      <c r="F2985" s="7" t="s">
        <v>4978</v>
      </c>
    </row>
    <row r="2986" spans="1:6" x14ac:dyDescent="0.25">
      <c r="A2986" s="7"/>
      <c r="B2986" s="7" t="s">
        <v>1311</v>
      </c>
      <c r="D2986" s="8" t="s">
        <v>2243</v>
      </c>
      <c r="E2986" s="1" t="str">
        <f t="shared" si="629"/>
        <v>http://www.sap.com/community/tag.html?id=LOB_206</v>
      </c>
      <c r="F2986" s="7" t="s">
        <v>4979</v>
      </c>
    </row>
    <row r="2987" spans="1:6" x14ac:dyDescent="0.25">
      <c r="A2987" s="7"/>
      <c r="B2987" s="7" t="s">
        <v>392</v>
      </c>
      <c r="D2987" s="8" t="s">
        <v>2243</v>
      </c>
      <c r="E2987" s="1" t="str">
        <f t="shared" si="629"/>
        <v>http://www.sap.com/community/tag.html?id=LOB_203</v>
      </c>
      <c r="F2987" s="7" t="s">
        <v>4980</v>
      </c>
    </row>
    <row r="2988" spans="1:6" x14ac:dyDescent="0.25">
      <c r="A2988" s="7"/>
      <c r="B2988" s="7" t="s">
        <v>85</v>
      </c>
      <c r="D2988" s="8" t="s">
        <v>2243</v>
      </c>
      <c r="E2988" s="1" t="str">
        <f t="shared" si="629"/>
        <v>http://www.sap.com/community/tag.html?id=LOB_161</v>
      </c>
      <c r="F2988" s="7" t="s">
        <v>4981</v>
      </c>
    </row>
    <row r="2989" spans="1:6" x14ac:dyDescent="0.25">
      <c r="A2989" s="7"/>
      <c r="B2989" s="7" t="s">
        <v>193</v>
      </c>
      <c r="D2989" s="8" t="s">
        <v>2243</v>
      </c>
      <c r="E2989" s="1" t="str">
        <f t="shared" si="629"/>
        <v>http://www.sap.com/community/tag.html?id=LOB_64</v>
      </c>
      <c r="F2989" s="7" t="s">
        <v>4982</v>
      </c>
    </row>
    <row r="2990" spans="1:6" x14ac:dyDescent="0.25">
      <c r="A2990" s="7"/>
      <c r="B2990" s="7" t="s">
        <v>221</v>
      </c>
      <c r="D2990" s="8" t="s">
        <v>2243</v>
      </c>
      <c r="E2990" s="1" t="str">
        <f t="shared" si="629"/>
        <v>http://www.sap.com/community/tag.html?id=LOB_68</v>
      </c>
      <c r="F2990" s="7" t="s">
        <v>4983</v>
      </c>
    </row>
    <row r="2991" spans="1:6" x14ac:dyDescent="0.25">
      <c r="A2991" s="7"/>
      <c r="B2991" s="7" t="s">
        <v>95</v>
      </c>
      <c r="D2991" s="8" t="s">
        <v>2243</v>
      </c>
      <c r="E2991" s="1" t="str">
        <f t="shared" si="629"/>
        <v>http://www.sap.com/community/tag.html?id=LOB_192</v>
      </c>
      <c r="F2991" s="7" t="s">
        <v>4984</v>
      </c>
    </row>
    <row r="2992" spans="1:6" x14ac:dyDescent="0.25">
      <c r="A2992" s="7"/>
      <c r="B2992" s="7" t="s">
        <v>40</v>
      </c>
      <c r="D2992" s="8" t="s">
        <v>2243</v>
      </c>
      <c r="E2992" s="1" t="str">
        <f t="shared" si="629"/>
        <v>http://www.sap.com/community/tag.html?id=LOB_204</v>
      </c>
      <c r="F2992" s="7" t="s">
        <v>4985</v>
      </c>
    </row>
    <row r="2993" spans="1:6" x14ac:dyDescent="0.25">
      <c r="A2993" s="7"/>
      <c r="B2993" s="7" t="s">
        <v>2234</v>
      </c>
      <c r="D2993" s="8" t="s">
        <v>2243</v>
      </c>
      <c r="E2993" s="1" t="str">
        <f t="shared" si="629"/>
        <v>http://www.sap.com/community/tag.html?id=LOB_72</v>
      </c>
      <c r="F2993" s="7" t="s">
        <v>4986</v>
      </c>
    </row>
    <row r="2994" spans="1:6" x14ac:dyDescent="0.25">
      <c r="A2994" s="7"/>
      <c r="B2994" s="7" t="s">
        <v>1852</v>
      </c>
      <c r="D2994" s="8" t="s">
        <v>2243</v>
      </c>
      <c r="E2994" s="1" t="str">
        <f t="shared" si="629"/>
        <v>http://www.sap.com/community/tag.html?id=LOB_76</v>
      </c>
      <c r="F2994" s="7" t="s">
        <v>4987</v>
      </c>
    </row>
    <row r="2995" spans="1:6" x14ac:dyDescent="0.25">
      <c r="A2995" s="7"/>
      <c r="B2995" s="7" t="s">
        <v>1401</v>
      </c>
      <c r="D2995" s="8" t="s">
        <v>2243</v>
      </c>
      <c r="E2995" s="1" t="str">
        <f t="shared" si="629"/>
        <v>http://www.sap.com/community/tag.html?id=LOB_142</v>
      </c>
      <c r="F2995" s="7" t="s">
        <v>4988</v>
      </c>
    </row>
    <row r="2996" spans="1:6" x14ac:dyDescent="0.25">
      <c r="A2996" s="7"/>
      <c r="B2996" s="7" t="s">
        <v>1012</v>
      </c>
      <c r="D2996" s="8" t="s">
        <v>2243</v>
      </c>
      <c r="E2996" s="1" t="str">
        <f t="shared" si="629"/>
        <v>http://www.sap.com/community/tag.html?id=LOB_92</v>
      </c>
      <c r="F2996" s="7" t="s">
        <v>4989</v>
      </c>
    </row>
    <row r="2997" spans="1:6" x14ac:dyDescent="0.25">
      <c r="A2997" s="7"/>
      <c r="B2997" s="7" t="s">
        <v>2050</v>
      </c>
      <c r="D2997" s="8" t="s">
        <v>2243</v>
      </c>
      <c r="E2997" s="1" t="str">
        <f t="shared" si="629"/>
        <v>http://www.sap.com/community/tag.html?id=LOB_97</v>
      </c>
      <c r="F2997" s="7" t="s">
        <v>4990</v>
      </c>
    </row>
    <row r="2998" spans="1:6" x14ac:dyDescent="0.25">
      <c r="A2998" s="7"/>
      <c r="B2998" s="7" t="s">
        <v>1802</v>
      </c>
      <c r="D2998" s="8" t="s">
        <v>2243</v>
      </c>
      <c r="E2998" s="1" t="str">
        <f t="shared" si="629"/>
        <v>http://www.sap.com/community/tag.html?id=LOB_205</v>
      </c>
      <c r="F2998" s="7" t="s">
        <v>4991</v>
      </c>
    </row>
    <row r="2999" spans="1:6" x14ac:dyDescent="0.25">
      <c r="A2999" s="7"/>
      <c r="B2999" s="7" t="s">
        <v>810</v>
      </c>
      <c r="D2999" s="8" t="s">
        <v>2243</v>
      </c>
      <c r="E2999" s="1" t="str">
        <f t="shared" si="629"/>
        <v>http://www.sap.com/community/tag.html?id=LOB_60</v>
      </c>
      <c r="F2999" s="7" t="s">
        <v>4992</v>
      </c>
    </row>
    <row r="3000" spans="1:6" x14ac:dyDescent="0.25">
      <c r="A3000" s="7"/>
      <c r="B3000" s="7" t="s">
        <v>1493</v>
      </c>
      <c r="D3000" s="8" t="s">
        <v>2243</v>
      </c>
      <c r="E3000" s="1" t="str">
        <f t="shared" si="629"/>
        <v>http://www.sap.com/community/tag.html?id=LOB_89</v>
      </c>
      <c r="F3000" s="7" t="s">
        <v>4993</v>
      </c>
    </row>
    <row r="3001" spans="1:6" x14ac:dyDescent="0.25">
      <c r="A3001" s="7"/>
      <c r="B3001" s="7" t="s">
        <v>281</v>
      </c>
      <c r="D3001" s="8" t="s">
        <v>2243</v>
      </c>
      <c r="E3001" s="1" t="str">
        <f t="shared" si="629"/>
        <v>http://www.sap.com/community/tag.html?id=LOB_99</v>
      </c>
      <c r="F3001" s="7" t="s">
        <v>4994</v>
      </c>
    </row>
    <row r="3002" spans="1:6" x14ac:dyDescent="0.25">
      <c r="A3002" s="7"/>
      <c r="B3002" s="7" t="s">
        <v>640</v>
      </c>
      <c r="D3002" s="8" t="s">
        <v>2243</v>
      </c>
      <c r="E3002" s="1" t="str">
        <f t="shared" si="629"/>
        <v>http://www.sap.com/community/tag.html?id=LOB_56</v>
      </c>
      <c r="F3002" s="7" t="s">
        <v>4995</v>
      </c>
    </row>
    <row r="3003" spans="1:6" x14ac:dyDescent="0.25">
      <c r="A3003" s="15" t="s">
        <v>1796</v>
      </c>
      <c r="B3003" s="16"/>
      <c r="C3003" s="16"/>
      <c r="D3003" s="16"/>
      <c r="E3003" s="16"/>
      <c r="F3003" s="6"/>
    </row>
    <row r="3004" spans="1:6" x14ac:dyDescent="0.25">
      <c r="A3004" s="7"/>
      <c r="B3004" t="s">
        <v>804</v>
      </c>
      <c r="C3004"/>
      <c r="D3004" t="s">
        <v>2241</v>
      </c>
      <c r="E3004" s="1" t="str">
        <f t="shared" ref="E3004:E3043" si="630" xml:space="preserve"> HYPERLINK(CONCATENATE("http://www.sap.com/community/tag.html?id=",$F3004))</f>
        <v>http://www.sap.com/community/tag.html?id=266264953119842772207986043063520</v>
      </c>
      <c r="F3004" t="s">
        <v>4996</v>
      </c>
    </row>
    <row r="3005" spans="1:6" x14ac:dyDescent="0.25">
      <c r="A3005" s="7"/>
      <c r="B3005" t="s">
        <v>1822</v>
      </c>
      <c r="C3005"/>
      <c r="D3005" t="s">
        <v>2241</v>
      </c>
      <c r="E3005" s="1" t="str">
        <f t="shared" si="630"/>
        <v>http://www.sap.com/community/tag.html?id=833755570260738661924709785639136</v>
      </c>
      <c r="F3005" t="s">
        <v>4997</v>
      </c>
    </row>
    <row r="3006" spans="1:6" x14ac:dyDescent="0.25">
      <c r="A3006" s="7"/>
      <c r="B3006" t="s">
        <v>543</v>
      </c>
      <c r="C3006"/>
      <c r="D3006" t="s">
        <v>2241</v>
      </c>
      <c r="E3006" s="1" t="str">
        <f t="shared" si="630"/>
        <v>http://www.sap.com/community/tag.html?id=338571334339306322581424656448659</v>
      </c>
      <c r="F3006" t="s">
        <v>4998</v>
      </c>
    </row>
    <row r="3007" spans="1:6" x14ac:dyDescent="0.25">
      <c r="A3007" s="7"/>
      <c r="B3007" t="s">
        <v>1805</v>
      </c>
      <c r="C3007"/>
      <c r="D3007" t="s">
        <v>2241</v>
      </c>
      <c r="E3007" s="1" t="str">
        <f t="shared" si="630"/>
        <v>http://www.sap.com/community/tag.html?id=808952988084195139233186926963168</v>
      </c>
      <c r="F3007" t="s">
        <v>4999</v>
      </c>
    </row>
    <row r="3008" spans="1:6" x14ac:dyDescent="0.25">
      <c r="A3008" s="7"/>
      <c r="B3008" t="s">
        <v>888</v>
      </c>
      <c r="C3008"/>
      <c r="D3008" t="s">
        <v>2241</v>
      </c>
      <c r="E3008" s="1" t="str">
        <f t="shared" si="630"/>
        <v>http://www.sap.com/community/tag.html?id=139269250608756787992873</v>
      </c>
      <c r="F3008" t="s">
        <v>5000</v>
      </c>
    </row>
    <row r="3009" spans="1:6" x14ac:dyDescent="0.25">
      <c r="A3009" s="7"/>
      <c r="B3009" t="s">
        <v>389</v>
      </c>
      <c r="C3009"/>
      <c r="D3009" t="s">
        <v>2241</v>
      </c>
      <c r="E3009" s="1" t="str">
        <f t="shared" si="630"/>
        <v>http://www.sap.com/community/tag.html?id=883667418347594793837320401036748</v>
      </c>
      <c r="F3009" t="s">
        <v>5001</v>
      </c>
    </row>
    <row r="3010" spans="1:6" x14ac:dyDescent="0.25">
      <c r="A3010" s="7"/>
      <c r="B3010" t="s">
        <v>297</v>
      </c>
      <c r="C3010"/>
      <c r="D3010" t="s">
        <v>2241</v>
      </c>
      <c r="E3010" s="1" t="str">
        <f t="shared" si="630"/>
        <v>http://www.sap.com/community/tag.html?id=794576508343477425113395039661827</v>
      </c>
      <c r="F3010" t="s">
        <v>5002</v>
      </c>
    </row>
    <row r="3011" spans="1:6" x14ac:dyDescent="0.25">
      <c r="A3011" s="7"/>
      <c r="B3011" t="s">
        <v>1592</v>
      </c>
      <c r="C3011"/>
      <c r="D3011" t="s">
        <v>2241</v>
      </c>
      <c r="E3011" s="1" t="str">
        <f t="shared" si="630"/>
        <v>http://www.sap.com/community/tag.html?id=724690177700823984208969627109459</v>
      </c>
      <c r="F3011" t="s">
        <v>5003</v>
      </c>
    </row>
    <row r="3012" spans="1:6" x14ac:dyDescent="0.25">
      <c r="A3012" s="7"/>
      <c r="B3012" t="s">
        <v>5191</v>
      </c>
      <c r="C3012"/>
      <c r="D3012" t="s">
        <v>2241</v>
      </c>
      <c r="E3012" s="1" t="str">
        <f t="shared" si="630"/>
        <v>http://www.sap.com/community/tag.html?id=222877341567121072788807155782117</v>
      </c>
      <c r="F3012" t="s">
        <v>5192</v>
      </c>
    </row>
    <row r="3013" spans="1:6" x14ac:dyDescent="0.25">
      <c r="A3013" s="7"/>
      <c r="B3013" t="s">
        <v>346</v>
      </c>
      <c r="C3013"/>
      <c r="D3013" t="s">
        <v>2241</v>
      </c>
      <c r="E3013" s="1" t="str">
        <f t="shared" si="630"/>
        <v>http://www.sap.com/community/tag.html?id=431932400353955532628433796433200</v>
      </c>
      <c r="F3013" t="s">
        <v>5004</v>
      </c>
    </row>
    <row r="3014" spans="1:6" ht="13.9" customHeight="1" x14ac:dyDescent="0.25">
      <c r="A3014" s="7"/>
      <c r="B3014" t="s">
        <v>1469</v>
      </c>
      <c r="C3014"/>
      <c r="D3014" t="s">
        <v>2241</v>
      </c>
      <c r="E3014" s="1" t="str">
        <f t="shared" si="630"/>
        <v>http://www.sap.com/community/tag.html?id=780172888804125374694637781149659</v>
      </c>
      <c r="F3014" t="s">
        <v>5005</v>
      </c>
    </row>
    <row r="3015" spans="1:6" x14ac:dyDescent="0.25">
      <c r="A3015" s="7"/>
      <c r="B3015" t="s">
        <v>2125</v>
      </c>
      <c r="C3015"/>
      <c r="D3015" t="s">
        <v>2241</v>
      </c>
      <c r="E3015" s="1" t="str">
        <f t="shared" si="630"/>
        <v>http://www.sap.com/community/tag.html?id=50690423538184863854226961842055</v>
      </c>
      <c r="F3015" t="s">
        <v>5006</v>
      </c>
    </row>
    <row r="3016" spans="1:6" x14ac:dyDescent="0.25">
      <c r="A3016" s="7"/>
      <c r="B3016" t="s">
        <v>5193</v>
      </c>
      <c r="C3016"/>
      <c r="D3016" t="s">
        <v>2241</v>
      </c>
      <c r="E3016" s="1" t="str">
        <f t="shared" si="630"/>
        <v>http://www.sap.com/community/tag.html?id=611794787045402236540598973198809</v>
      </c>
      <c r="F3016" t="s">
        <v>5194</v>
      </c>
    </row>
    <row r="3017" spans="1:6" x14ac:dyDescent="0.25">
      <c r="A3017" s="7"/>
      <c r="B3017" t="s">
        <v>2001</v>
      </c>
      <c r="C3017"/>
      <c r="D3017" t="s">
        <v>2241</v>
      </c>
      <c r="E3017" s="1" t="str">
        <f t="shared" si="630"/>
        <v>http://www.sap.com/community/tag.html?id=575447301734600234999981846422750</v>
      </c>
      <c r="F3017" t="s">
        <v>5007</v>
      </c>
    </row>
    <row r="3018" spans="1:6" x14ac:dyDescent="0.25">
      <c r="A3018" s="7"/>
      <c r="B3018" t="s">
        <v>685</v>
      </c>
      <c r="C3018"/>
      <c r="D3018" t="s">
        <v>2241</v>
      </c>
      <c r="E3018" s="1" t="str">
        <f t="shared" si="630"/>
        <v>http://www.sap.com/community/tag.html?id=617904475839583685536714765406723</v>
      </c>
      <c r="F3018" t="s">
        <v>5008</v>
      </c>
    </row>
    <row r="3019" spans="1:6" x14ac:dyDescent="0.25">
      <c r="A3019" s="7"/>
      <c r="B3019" t="s">
        <v>5195</v>
      </c>
      <c r="C3019"/>
      <c r="D3019" t="s">
        <v>2241</v>
      </c>
      <c r="E3019" s="1" t="str">
        <f t="shared" si="630"/>
        <v>http://www.sap.com/community/tag.html?id=875447220514120987869051937802978</v>
      </c>
      <c r="F3019" t="s">
        <v>5196</v>
      </c>
    </row>
    <row r="3020" spans="1:6" x14ac:dyDescent="0.25">
      <c r="A3020" s="7"/>
      <c r="B3020" t="s">
        <v>5197</v>
      </c>
      <c r="C3020"/>
      <c r="D3020" t="s">
        <v>2241</v>
      </c>
      <c r="E3020" s="1" t="str">
        <f t="shared" si="630"/>
        <v>http://www.sap.com/community/tag.html?id=12354885792866344278414618762644</v>
      </c>
      <c r="F3020" t="s">
        <v>5198</v>
      </c>
    </row>
    <row r="3021" spans="1:6" x14ac:dyDescent="0.25">
      <c r="A3021" s="7"/>
      <c r="B3021" t="s">
        <v>678</v>
      </c>
      <c r="C3021"/>
      <c r="D3021" t="s">
        <v>2241</v>
      </c>
      <c r="E3021" s="1" t="str">
        <f t="shared" si="630"/>
        <v>http://www.sap.com/community/tag.html?id=680828266263384213323560113427399</v>
      </c>
      <c r="F3021" t="s">
        <v>5009</v>
      </c>
    </row>
    <row r="3022" spans="1:6" x14ac:dyDescent="0.25">
      <c r="A3022" s="7"/>
      <c r="B3022" t="s">
        <v>747</v>
      </c>
      <c r="C3022"/>
      <c r="D3022" t="s">
        <v>2241</v>
      </c>
      <c r="E3022" s="1" t="str">
        <f t="shared" si="630"/>
        <v>http://www.sap.com/community/tag.html?id=104367144430565227162334366685847</v>
      </c>
      <c r="F3022" t="s">
        <v>5010</v>
      </c>
    </row>
    <row r="3023" spans="1:6" x14ac:dyDescent="0.25">
      <c r="A3023" s="7"/>
      <c r="B3023" t="s">
        <v>1970</v>
      </c>
      <c r="C3023"/>
      <c r="D3023" t="s">
        <v>2241</v>
      </c>
      <c r="E3023" s="1" t="str">
        <f t="shared" si="630"/>
        <v>http://www.sap.com/community/tag.html?id=539667611584404255845040674498708</v>
      </c>
      <c r="F3023" t="s">
        <v>5011</v>
      </c>
    </row>
    <row r="3024" spans="1:6" x14ac:dyDescent="0.25">
      <c r="A3024" s="7"/>
      <c r="B3024" t="s">
        <v>1990</v>
      </c>
      <c r="C3024"/>
      <c r="D3024" t="s">
        <v>2241</v>
      </c>
      <c r="E3024" s="1" t="str">
        <f t="shared" si="630"/>
        <v>http://www.sap.com/community/tag.html?id=524159657438163396673465039981190</v>
      </c>
      <c r="F3024" t="s">
        <v>5012</v>
      </c>
    </row>
    <row r="3025" spans="1:7" x14ac:dyDescent="0.25">
      <c r="A3025" s="7"/>
      <c r="B3025" t="s">
        <v>1177</v>
      </c>
      <c r="C3025"/>
      <c r="D3025" t="s">
        <v>2241</v>
      </c>
      <c r="E3025" s="1" t="str">
        <f t="shared" si="630"/>
        <v>http://www.sap.com/community/tag.html?id=103751587389184923742461</v>
      </c>
      <c r="F3025" t="s">
        <v>5013</v>
      </c>
    </row>
    <row r="3026" spans="1:7" x14ac:dyDescent="0.25">
      <c r="A3026" s="7"/>
      <c r="B3026" t="s">
        <v>1505</v>
      </c>
      <c r="C3026"/>
      <c r="D3026" t="s">
        <v>2241</v>
      </c>
      <c r="E3026" s="1" t="str">
        <f t="shared" si="630"/>
        <v>http://www.sap.com/community/tag.html?id=615693459582413452469752593601406</v>
      </c>
      <c r="F3026" t="s">
        <v>5014</v>
      </c>
    </row>
    <row r="3027" spans="1:7" x14ac:dyDescent="0.25">
      <c r="A3027" s="7"/>
      <c r="B3027" t="s">
        <v>1283</v>
      </c>
      <c r="C3027"/>
      <c r="D3027" t="s">
        <v>2241</v>
      </c>
      <c r="E3027" s="1" t="str">
        <f t="shared" si="630"/>
        <v>http://www.sap.com/community/tag.html?id=506421944534752500398156104608974</v>
      </c>
      <c r="F3027" t="s">
        <v>5015</v>
      </c>
      <c r="G3027" s="2"/>
    </row>
    <row r="3028" spans="1:7" x14ac:dyDescent="0.25">
      <c r="A3028" s="7"/>
      <c r="B3028" t="s">
        <v>1363</v>
      </c>
      <c r="C3028"/>
      <c r="D3028" t="s">
        <v>2241</v>
      </c>
      <c r="E3028" s="1" t="str">
        <f t="shared" si="630"/>
        <v>http://www.sap.com/community/tag.html?id=246015353107843540080736084568477</v>
      </c>
      <c r="F3028" t="s">
        <v>5016</v>
      </c>
    </row>
    <row r="3029" spans="1:7" x14ac:dyDescent="0.25">
      <c r="A3029" s="7"/>
      <c r="B3029" t="s">
        <v>823</v>
      </c>
      <c r="C3029"/>
      <c r="D3029" t="s">
        <v>2241</v>
      </c>
      <c r="E3029" s="1" t="str">
        <f t="shared" si="630"/>
        <v>http://www.sap.com/community/tag.html?id=723714486627645412834578565527550</v>
      </c>
      <c r="F3029" t="s">
        <v>5017</v>
      </c>
    </row>
    <row r="3030" spans="1:7" x14ac:dyDescent="0.25">
      <c r="A3030" s="7"/>
      <c r="B3030" t="s">
        <v>1008</v>
      </c>
      <c r="C3030"/>
      <c r="D3030" t="s">
        <v>2241</v>
      </c>
      <c r="E3030" s="1" t="str">
        <f t="shared" si="630"/>
        <v>http://www.sap.com/community/tag.html?id=551580658536717501828021060147962</v>
      </c>
      <c r="F3030" t="s">
        <v>5018</v>
      </c>
    </row>
    <row r="3031" spans="1:7" x14ac:dyDescent="0.25">
      <c r="A3031" s="7"/>
      <c r="B3031" t="s">
        <v>1450</v>
      </c>
      <c r="C3031"/>
      <c r="D3031" t="s">
        <v>2241</v>
      </c>
      <c r="E3031" s="1" t="str">
        <f t="shared" si="630"/>
        <v>http://www.sap.com/community/tag.html?id=111078473504236017141185029856415</v>
      </c>
      <c r="F3031" t="s">
        <v>5019</v>
      </c>
    </row>
    <row r="3032" spans="1:7" x14ac:dyDescent="0.25">
      <c r="A3032" s="7"/>
      <c r="B3032" t="s">
        <v>5199</v>
      </c>
      <c r="C3032"/>
      <c r="D3032" t="s">
        <v>2241</v>
      </c>
      <c r="E3032" s="1" t="str">
        <f t="shared" si="630"/>
        <v>http://www.sap.com/community/tag.html?id=708931460062032886984100414137377</v>
      </c>
      <c r="F3032" t="s">
        <v>5200</v>
      </c>
    </row>
    <row r="3033" spans="1:7" x14ac:dyDescent="0.25">
      <c r="A3033" s="7"/>
      <c r="B3033" t="s">
        <v>667</v>
      </c>
      <c r="C3033"/>
      <c r="D3033" t="s">
        <v>2241</v>
      </c>
      <c r="E3033" s="1" t="str">
        <f t="shared" si="630"/>
        <v>http://www.sap.com/community/tag.html?id=865254337794871183385756863647856</v>
      </c>
      <c r="F3033" t="s">
        <v>5020</v>
      </c>
    </row>
    <row r="3034" spans="1:7" x14ac:dyDescent="0.25">
      <c r="A3034" s="7"/>
      <c r="B3034" t="s">
        <v>5201</v>
      </c>
      <c r="C3034"/>
      <c r="D3034" t="s">
        <v>2241</v>
      </c>
      <c r="E3034" s="1" t="str">
        <f t="shared" si="630"/>
        <v>http://www.sap.com/community/tag.html?id=500983881501772639608291559920477</v>
      </c>
      <c r="F3034" t="s">
        <v>5027</v>
      </c>
    </row>
    <row r="3035" spans="1:7" x14ac:dyDescent="0.25">
      <c r="A3035" s="7"/>
      <c r="B3035" t="s">
        <v>1880</v>
      </c>
      <c r="C3035"/>
      <c r="D3035" t="s">
        <v>2241</v>
      </c>
      <c r="E3035" s="1" t="str">
        <f t="shared" si="630"/>
        <v>http://www.sap.com/community/tag.html?id=49511061904067247446167091106425</v>
      </c>
      <c r="F3035" t="s">
        <v>5021</v>
      </c>
    </row>
    <row r="3036" spans="1:7" x14ac:dyDescent="0.25">
      <c r="A3036" s="7"/>
      <c r="B3036" t="s">
        <v>1344</v>
      </c>
      <c r="C3036"/>
      <c r="D3036" t="s">
        <v>2241</v>
      </c>
      <c r="E3036" s="1" t="str">
        <f t="shared" si="630"/>
        <v>http://www.sap.com/community/tag.html?id=2521823005136277121291</v>
      </c>
      <c r="F3036" t="s">
        <v>5022</v>
      </c>
    </row>
    <row r="3037" spans="1:7" x14ac:dyDescent="0.25">
      <c r="A3037" s="7"/>
      <c r="B3037" t="s">
        <v>1819</v>
      </c>
      <c r="C3037"/>
      <c r="D3037" t="s">
        <v>2241</v>
      </c>
      <c r="E3037" s="1" t="str">
        <f t="shared" si="630"/>
        <v>http://www.sap.com/community/tag.html?id=344331658552599549231300137890756</v>
      </c>
      <c r="F3037" t="s">
        <v>5023</v>
      </c>
    </row>
    <row r="3038" spans="1:7" x14ac:dyDescent="0.25">
      <c r="A3038" s="7"/>
      <c r="B3038" t="s">
        <v>1080</v>
      </c>
      <c r="C3038"/>
      <c r="D3038" t="s">
        <v>2241</v>
      </c>
      <c r="E3038" s="1" t="str">
        <f t="shared" si="630"/>
        <v>http://www.sap.com/community/tag.html?id=122888716930844301706258287775555</v>
      </c>
      <c r="F3038" t="s">
        <v>5024</v>
      </c>
    </row>
    <row r="3039" spans="1:7" x14ac:dyDescent="0.25">
      <c r="B3039" t="s">
        <v>640</v>
      </c>
      <c r="C3039"/>
      <c r="D3039" t="s">
        <v>2241</v>
      </c>
      <c r="E3039" s="1" t="str">
        <f t="shared" si="630"/>
        <v>http://www.sap.com/community/tag.html?id=140502597117949649788634441139048</v>
      </c>
      <c r="F3039" t="s">
        <v>5025</v>
      </c>
    </row>
    <row r="3040" spans="1:7" x14ac:dyDescent="0.25">
      <c r="B3040" t="s">
        <v>1713</v>
      </c>
      <c r="C3040"/>
      <c r="D3040" t="s">
        <v>2241</v>
      </c>
      <c r="E3040" s="1" t="str">
        <f t="shared" si="630"/>
        <v>http://www.sap.com/community/tag.html?id=676305042803066886656318788802663</v>
      </c>
      <c r="F3040" t="s">
        <v>5026</v>
      </c>
    </row>
    <row r="3041" spans="2:6" x14ac:dyDescent="0.25">
      <c r="B3041" t="s">
        <v>890</v>
      </c>
      <c r="C3041"/>
      <c r="D3041" t="s">
        <v>2241</v>
      </c>
      <c r="E3041" s="1" t="str">
        <f t="shared" si="630"/>
        <v>http://www.sap.com/community/tag.html?id=378427990965467211484671270864901</v>
      </c>
      <c r="F3041" t="s">
        <v>5028</v>
      </c>
    </row>
    <row r="3042" spans="2:6" x14ac:dyDescent="0.25">
      <c r="B3042" t="s">
        <v>2122</v>
      </c>
      <c r="C3042"/>
      <c r="D3042" t="s">
        <v>2241</v>
      </c>
      <c r="E3042" s="1" t="str">
        <f t="shared" si="630"/>
        <v>http://www.sap.com/community/tag.html?id=486157991894093153608181816584982</v>
      </c>
      <c r="F3042" t="s">
        <v>5029</v>
      </c>
    </row>
    <row r="3043" spans="2:6" x14ac:dyDescent="0.25">
      <c r="B3043" t="s">
        <v>562</v>
      </c>
      <c r="C3043"/>
      <c r="D3043" t="s">
        <v>2241</v>
      </c>
      <c r="E3043" s="1" t="str">
        <f t="shared" si="630"/>
        <v>http://www.sap.com/community/tag.html?id=279429873667587277925521334820770</v>
      </c>
      <c r="F3043" t="s">
        <v>5030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ommunity Tag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nknown</dc:creator>
  <cp:lastModifiedBy>Bernard, Brian</cp:lastModifiedBy>
  <dcterms:created xsi:type="dcterms:W3CDTF">2016-10-06T15:20:37Z</dcterms:created>
  <dcterms:modified xsi:type="dcterms:W3CDTF">2017-04-03T20:00:4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</Properties>
</file>